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
    </mc:Choice>
  </mc:AlternateContent>
  <bookViews>
    <workbookView xWindow="675" yWindow="330" windowWidth="15570" windowHeight="11070"/>
  </bookViews>
  <sheets>
    <sheet name="診療所" sheetId="2" r:id="rId1"/>
    <sheet name="診療所(H29)" sheetId="1" state="hidden" r:id="rId2"/>
  </sheets>
  <definedNames>
    <definedName name="_xlnm._FilterDatabase" localSheetId="0" hidden="1">診療所!$B$1:$B$603</definedName>
    <definedName name="_xlnm._FilterDatabase" localSheetId="1" hidden="1">'診療所(H29)'!#REF!</definedName>
    <definedName name="_xlnm.Print_Area" localSheetId="0">診療所!$A$1:$S$722</definedName>
    <definedName name="_xlnm.Print_Area" localSheetId="1">'診療所(H29)'!$A$1:$P$573</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578" i="2" l="1"/>
  <c r="K577" i="2"/>
  <c r="K576" i="2"/>
  <c r="K575" i="2"/>
  <c r="K567" i="2"/>
  <c r="K566" i="2"/>
  <c r="K565" i="2"/>
  <c r="K564" i="2"/>
  <c r="K556" i="2"/>
  <c r="K555" i="2"/>
  <c r="K554" i="2"/>
  <c r="K546" i="2"/>
  <c r="K545" i="2"/>
  <c r="K544" i="2"/>
  <c r="K543" i="2"/>
  <c r="K542" i="2"/>
  <c r="K535" i="2"/>
  <c r="K534" i="2"/>
  <c r="K533" i="2"/>
  <c r="K532" i="2"/>
  <c r="K531" i="2"/>
  <c r="K530" i="2"/>
  <c r="K529" i="2"/>
  <c r="K528" i="2"/>
  <c r="K527" i="2"/>
  <c r="K526" i="2"/>
  <c r="K525" i="2"/>
  <c r="K524" i="2"/>
  <c r="K523" i="2"/>
  <c r="K522" i="2"/>
  <c r="K521" i="2"/>
  <c r="K513" i="2"/>
  <c r="K512" i="2"/>
  <c r="K511" i="2"/>
  <c r="K510" i="2"/>
  <c r="K509" i="2"/>
  <c r="K508" i="2"/>
  <c r="K507" i="2"/>
  <c r="K506" i="2"/>
  <c r="K498" i="2"/>
  <c r="K497" i="2"/>
  <c r="K496" i="2"/>
  <c r="K495" i="2"/>
  <c r="K494" i="2"/>
  <c r="K493" i="2"/>
  <c r="K492" i="2"/>
  <c r="K491" i="2"/>
  <c r="K490" i="2"/>
  <c r="K489" i="2"/>
  <c r="K488" i="2"/>
  <c r="K480" i="2"/>
  <c r="K479" i="2"/>
  <c r="K478" i="2"/>
  <c r="K477" i="2"/>
  <c r="K476" i="2"/>
  <c r="K475" i="2"/>
  <c r="K474" i="2"/>
  <c r="K473" i="2"/>
  <c r="K472" i="2"/>
  <c r="K471" i="2"/>
  <c r="K470" i="2"/>
  <c r="K469" i="2"/>
  <c r="K468" i="2"/>
  <c r="K467" i="2"/>
  <c r="K466" i="2"/>
  <c r="K465" i="2"/>
  <c r="K457" i="2"/>
  <c r="K456" i="2"/>
  <c r="K455" i="2"/>
  <c r="K454" i="2"/>
  <c r="K453" i="2"/>
  <c r="K452" i="2"/>
  <c r="K451" i="2"/>
  <c r="K450" i="2"/>
  <c r="K449" i="2"/>
  <c r="K448" i="2"/>
  <c r="K447" i="2"/>
  <c r="K446" i="2"/>
  <c r="K445" i="2"/>
  <c r="K437" i="2"/>
  <c r="K436" i="2"/>
  <c r="K435" i="2"/>
  <c r="K434" i="2"/>
  <c r="K433" i="2"/>
  <c r="K432" i="2"/>
  <c r="K431" i="2"/>
  <c r="K419" i="2"/>
  <c r="K413" i="2"/>
  <c r="K412" i="2"/>
  <c r="K411" i="2"/>
  <c r="K405" i="2"/>
  <c r="K404" i="2"/>
  <c r="K403" i="2"/>
  <c r="K402" i="2"/>
  <c r="K401" i="2"/>
  <c r="K400" i="2"/>
  <c r="K399" i="2"/>
  <c r="K398"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64" i="2"/>
  <c r="K363" i="2"/>
  <c r="K362" i="2"/>
  <c r="K354" i="2"/>
  <c r="K353" i="2"/>
  <c r="K352" i="2"/>
  <c r="K351" i="2"/>
  <c r="K350" i="2"/>
  <c r="K349" i="2"/>
  <c r="K330" i="2"/>
  <c r="K329" i="2"/>
  <c r="K328" i="2"/>
  <c r="K327" i="2"/>
  <c r="K326" i="2"/>
  <c r="K325" i="2"/>
  <c r="K317" i="2"/>
  <c r="K316" i="2"/>
  <c r="K308" i="2"/>
  <c r="K307" i="2"/>
  <c r="K306" i="2"/>
  <c r="K305" i="2"/>
  <c r="J304" i="2"/>
  <c r="K304" i="2" s="1"/>
  <c r="K296" i="2"/>
  <c r="K295" i="2"/>
  <c r="K294" i="2"/>
  <c r="K293" i="2"/>
  <c r="K292" i="2"/>
  <c r="K291" i="2"/>
  <c r="K290" i="2"/>
  <c r="K289" i="2"/>
  <c r="K288" i="2"/>
  <c r="K287" i="2"/>
  <c r="K286" i="2"/>
  <c r="K285" i="2"/>
  <c r="K284" i="2"/>
  <c r="K283" i="2"/>
  <c r="K282" i="2"/>
  <c r="K281" i="2"/>
  <c r="K273" i="2"/>
  <c r="K272" i="2"/>
  <c r="K271" i="2"/>
  <c r="K270" i="2"/>
  <c r="K269" i="2"/>
  <c r="K178" i="2"/>
  <c r="K177" i="2"/>
  <c r="K176" i="2"/>
  <c r="K175" i="2"/>
  <c r="K170" i="2"/>
  <c r="K169" i="2"/>
  <c r="K168" i="2"/>
  <c r="K167" i="2"/>
  <c r="K166" i="2"/>
  <c r="K165" i="2"/>
  <c r="K164" i="2"/>
  <c r="K163" i="2"/>
  <c r="K162" i="2"/>
  <c r="K161" i="2"/>
  <c r="K160" i="2"/>
  <c r="K159" i="2"/>
  <c r="K158" i="2"/>
  <c r="K157" i="2"/>
  <c r="K156" i="2"/>
  <c r="K155" i="2"/>
  <c r="K113" i="2"/>
  <c r="K112" i="2"/>
  <c r="K111" i="2"/>
  <c r="K110" i="2"/>
  <c r="K109" i="2"/>
  <c r="K108" i="2"/>
  <c r="K107" i="2"/>
  <c r="K106" i="2"/>
  <c r="K105" i="2"/>
  <c r="K104" i="2"/>
  <c r="K103" i="2"/>
  <c r="K102" i="2"/>
  <c r="K101" i="2"/>
</calcChain>
</file>

<file path=xl/sharedStrings.xml><?xml version="1.0" encoding="utf-8"?>
<sst xmlns="http://schemas.openxmlformats.org/spreadsheetml/2006/main" count="1742" uniqueCount="735">
  <si>
    <t>森脇医院</t>
  </si>
  <si>
    <t>〒690-0878 島根県 松江市砂子町２０２－３</t>
  </si>
  <si>
    <t>機能区分の選択状況（2021（令和3）年7月1日時点の機能）</t>
  </si>
  <si>
    <t>病床の機能区分</t>
  </si>
  <si>
    <t>施設全体</t>
  </si>
  <si>
    <t>様式１診療所票(8)</t>
  </si>
  <si>
    <t>高度急性期</t>
  </si>
  <si>
    <t>急性期</t>
  </si>
  <si>
    <t>回復期</t>
  </si>
  <si>
    <t>慢性期</t>
  </si>
  <si>
    <t>休棟中(今後再開する予定)</t>
  </si>
  <si>
    <t>〇</t>
  </si>
  <si>
    <t>休棟中(今後廃止する予定)</t>
  </si>
  <si>
    <t>無回答等</t>
  </si>
  <si>
    <t>機能区分の選択状況（2025年7月1日時点における病床の機能の予定）</t>
  </si>
  <si>
    <t>様式１診療所票(9)</t>
  </si>
  <si>
    <t>休棟予定</t>
  </si>
  <si>
    <t>廃止予定</t>
  </si>
  <si>
    <t>介護保険施設等へ移行予定</t>
  </si>
  <si>
    <t>2025年7月1日時点における病床の機能の予定において、介護保険施設等へ移行予定を選択した場合</t>
  </si>
  <si>
    <t>移行予定先の区分</t>
  </si>
  <si>
    <t>様式１診療所票(10)</t>
  </si>
  <si>
    <t>介護医療院に移行予定</t>
  </si>
  <si>
    <t>介護老人保健施設に移行予定</t>
  </si>
  <si>
    <t>介護老人福祉施設に移行予定</t>
  </si>
  <si>
    <t>上記以外の介護サービスに移行予定</t>
  </si>
  <si>
    <t>「2025年７月１日時点の機能の実現」に向けて、それ以前に変更予定がある場合</t>
  </si>
  <si>
    <t>様式１診療所票(11)</t>
  </si>
  <si>
    <t>変更予定年月</t>
  </si>
  <si>
    <t>-</t>
  </si>
  <si>
    <t>（留意事項）</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また、公表している項目の中には、個人情報保護の観点から、1以上10未満の値を「＊」で秘匿している項目があります。</t>
  </si>
  <si>
    <t>○「未確認」とされている情報は、未報告や報告内容の不整合があったことから確認が必要な情報になります。</t>
  </si>
  <si>
    <t>○施設全体の欄では、内容に「*」,「未確認」とされている情報が含まれている場合に「※」を記載しています。</t>
  </si>
  <si>
    <t>○「-」とされている情報は、任意の報告項目や報告が不要となる場合、留意すべき報告対象期間について特段の情報がない場合に記載されています。</t>
  </si>
  <si>
    <t>基本情報（職員配置、届出の状況など）</t>
  </si>
  <si>
    <t>患者の入退院等の状況</t>
  </si>
  <si>
    <t>医療内容に関する情報
（手術、リハビリテーションの実施状況など）</t>
  </si>
  <si>
    <t>・設置主体</t>
  </si>
  <si>
    <t>・入院患者の状況（年間）</t>
  </si>
  <si>
    <t>・算定する入院基本料の状況</t>
  </si>
  <si>
    <t>・病床の状況</t>
  </si>
  <si>
    <t>・入院患者の状況（月間／入院前の場所・退院先の場所の状況）</t>
  </si>
  <si>
    <t>・手術の状況</t>
  </si>
  <si>
    <t>・診療科</t>
  </si>
  <si>
    <t>・退院後に在宅医療を必要とする患者の状況</t>
  </si>
  <si>
    <t>・がん、脳卒中、心筋梗塞、分娩、精神医療への対応状況</t>
  </si>
  <si>
    <t>・入院基本料及び届出病床数</t>
  </si>
  <si>
    <t>・在宅医療を行った患者数</t>
  </si>
  <si>
    <t>・重症患者への対応状況</t>
  </si>
  <si>
    <t>・在宅療養支援診療所の届出状況</t>
  </si>
  <si>
    <t>・看取りを行った患者数</t>
  </si>
  <si>
    <t>・救急医療の実施状況</t>
  </si>
  <si>
    <t>・職員数の状況</t>
  </si>
  <si>
    <t>・急性期後の支援、在宅復帰の支援の状況</t>
  </si>
  <si>
    <t>・退院調整部門の設置状況</t>
  </si>
  <si>
    <t>・全身管理の状況</t>
  </si>
  <si>
    <t>・医療機器の台数</t>
  </si>
  <si>
    <t>・リハビリテーションの実施状況</t>
  </si>
  <si>
    <t>・有床診療所の病床の役割</t>
  </si>
  <si>
    <t>・長期療養患者の受入状況</t>
  </si>
  <si>
    <t>・過去1年間の間に病棟の再編・見直しがあった場合の報告対象期間</t>
  </si>
  <si>
    <t>・重度の障害児等の受入状況</t>
  </si>
  <si>
    <t>・医科歯科の連携状況</t>
  </si>
  <si>
    <t>◆基本情報（職員配置、届出の状況など）</t>
  </si>
  <si>
    <t>設置主体（2021（令和3）年7月1日時点）</t>
  </si>
  <si>
    <t>（項目の解説）</t>
  </si>
  <si>
    <t>様式１診療所票(5)</t>
  </si>
  <si>
    <t>設置主体</t>
  </si>
  <si>
    <t xml:space="preserve">医療機関の開設者を区分別にを示しています。
</t>
  </si>
  <si>
    <t>医療法人</t>
  </si>
  <si>
    <t>病床の状況</t>
  </si>
  <si>
    <t>様式１診療所票(13)</t>
  </si>
  <si>
    <t>一般病床</t>
  </si>
  <si>
    <t>許可病床</t>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si>
  <si>
    <t>様式１診療所票(14)</t>
  </si>
  <si>
    <t>上記のうち医療法上の経過措置に該当する病床数</t>
  </si>
  <si>
    <t>１年で使用した病床が最も多かった日の使用病床数</t>
  </si>
  <si>
    <t>2025年7月1日時点の予定病床数</t>
  </si>
  <si>
    <t>様式１診療所票(15)</t>
  </si>
  <si>
    <t>療養病床</t>
  </si>
  <si>
    <t>様式１診療所票(16)</t>
  </si>
  <si>
    <t>うち医療療養病床</t>
  </si>
  <si>
    <t>様式１診療所票(17)</t>
  </si>
  <si>
    <t>うち介護療養病床</t>
  </si>
  <si>
    <t>様式１診療所票(17)後</t>
  </si>
  <si>
    <t>「１年で使用した病床が最も多かった日の使用病床数」の合計が0床である理由</t>
  </si>
  <si>
    <t>休棟中</t>
  </si>
  <si>
    <t>診療科</t>
  </si>
  <si>
    <t>様式１診療所票(77)</t>
  </si>
  <si>
    <t>主とする診療科</t>
  </si>
  <si>
    <t xml:space="preserve">主とする診療科は、５割以上の患者を診療している診療科を示しています。５割を超える診療科がない場合は、上位３つの診療科を示しています。
</t>
  </si>
  <si>
    <t>複数の診療科で活用</t>
  </si>
  <si>
    <t>様式１診療所票(77)-1</t>
  </si>
  <si>
    <t>複数ある場合、上位３つ</t>
  </si>
  <si>
    <t>内科</t>
  </si>
  <si>
    <t>様式１診療所票(77)-2</t>
  </si>
  <si>
    <t>様式１診療所票(77)-3</t>
  </si>
  <si>
    <t>小児科</t>
  </si>
  <si>
    <t>入院基本料及び届出病床数</t>
  </si>
  <si>
    <t>様式１診療所票(18)</t>
  </si>
  <si>
    <t>有床診療所入院基本料</t>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si>
  <si>
    <t>様式１診療所票(19)</t>
  </si>
  <si>
    <t>有床診療所療養病床入院基本料</t>
  </si>
  <si>
    <t>様式１診療所票(20)</t>
  </si>
  <si>
    <t>介護療養病床における診療所型介護療養施設サービス費等</t>
  </si>
  <si>
    <t>在宅療養支援診療所の届出状況</t>
  </si>
  <si>
    <t>様式１診療所票(103)</t>
  </si>
  <si>
    <t>在宅療養支援診療所の届出の有無</t>
  </si>
  <si>
    <t xml:space="preserve">在宅療養支援診療所とは、24時間往診が可能な体制を確保し、また訪問看護ステーションとの連携により24時間訪問看護の提供が可能な体制を確保している診療所のことです。
</t>
  </si>
  <si>
    <t>無し</t>
  </si>
  <si>
    <t>職員数の状況</t>
  </si>
  <si>
    <t>入院部門の職員数</t>
  </si>
  <si>
    <t>手術室</t>
  </si>
  <si>
    <t>外来部門</t>
  </si>
  <si>
    <t>その他</t>
  </si>
  <si>
    <t>様式１診療所票(22)</t>
  </si>
  <si>
    <t>医師</t>
  </si>
  <si>
    <t>常勤</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si>
  <si>
    <t>非常勤</t>
  </si>
  <si>
    <t>様式１診療所票(23)</t>
  </si>
  <si>
    <t>歯科医師</t>
  </si>
  <si>
    <t>様式１診療所票(24)</t>
  </si>
  <si>
    <t>看護師</t>
  </si>
  <si>
    <t>様式１診療所票(25)</t>
  </si>
  <si>
    <t>准看護師</t>
  </si>
  <si>
    <t>様式１診療所票(26)</t>
  </si>
  <si>
    <t>看護補助者</t>
  </si>
  <si>
    <t>様式１診療所票(27)</t>
  </si>
  <si>
    <t>助産師</t>
  </si>
  <si>
    <t>様式１診療所票(28)</t>
  </si>
  <si>
    <t>理学療法士</t>
  </si>
  <si>
    <t>様式１診療所票(29)</t>
  </si>
  <si>
    <t>作業療法士</t>
  </si>
  <si>
    <t>様式１診療所票(30)</t>
  </si>
  <si>
    <t>言語聴覚士</t>
  </si>
  <si>
    <t>様式１診療所票(31)</t>
  </si>
  <si>
    <t>薬剤師</t>
  </si>
  <si>
    <t>様式１診療所票(32)</t>
  </si>
  <si>
    <t>診療放射線技師</t>
  </si>
  <si>
    <t>様式１診療所票(33)</t>
  </si>
  <si>
    <t>臨床検査技師</t>
  </si>
  <si>
    <t>様式１診療所票(34)</t>
  </si>
  <si>
    <t>臨床工学技士</t>
  </si>
  <si>
    <t>様式１診療所票(35)</t>
  </si>
  <si>
    <t>管理栄養士</t>
  </si>
  <si>
    <t>退院調整部門の設置状況</t>
  </si>
  <si>
    <t>様式１診療所票(140)</t>
  </si>
  <si>
    <t>退院調整部門の有無</t>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si>
  <si>
    <t>様式１診療所票(141)</t>
  </si>
  <si>
    <t>退院調整部門に勤務する人数</t>
  </si>
  <si>
    <t>専従</t>
  </si>
  <si>
    <t>専任</t>
  </si>
  <si>
    <t>様式１診療所票(142)</t>
  </si>
  <si>
    <t>看護職員</t>
  </si>
  <si>
    <t>様式１診療所票(143)</t>
  </si>
  <si>
    <t>MSW</t>
  </si>
  <si>
    <t>様式１診療所票(144)</t>
  </si>
  <si>
    <t>MSWのうち社会福祉士</t>
  </si>
  <si>
    <t>様式１診療所票(145)</t>
  </si>
  <si>
    <t>事務員</t>
  </si>
  <si>
    <t>様式１診療所票(146)</t>
  </si>
  <si>
    <t>医療機器の台数</t>
  </si>
  <si>
    <t>様式１診療所票(123)</t>
  </si>
  <si>
    <t>CT</t>
  </si>
  <si>
    <t>マルチスライス</t>
  </si>
  <si>
    <t>64列以上</t>
  </si>
  <si>
    <t xml:space="preserve">CTは、X線（放射線）を使って、身体の断面を撮影する装置です。列の数が多いほど、同じ範囲をより短時間、より細かく撮影することができます。値は医療機関が保有する台数です。
</t>
  </si>
  <si>
    <t>様式１診療所票(124)</t>
  </si>
  <si>
    <t>16列以上64列未満</t>
  </si>
  <si>
    <t>様式１診療所票(125)</t>
  </si>
  <si>
    <t>16列未満</t>
  </si>
  <si>
    <t>様式１診療所票(126)</t>
  </si>
  <si>
    <t>様式１診療所票(127)</t>
  </si>
  <si>
    <t>MRI</t>
  </si>
  <si>
    <t>3T以上</t>
  </si>
  <si>
    <t xml:space="preserve">MRIは、主に磁気を利用して、身体の断面を撮影する装置です。T（テスラ）は、磁気の強さを表す単位で、値が大きいほど高画質の画像が得られます。値は医療機関が保有する台数です。
</t>
  </si>
  <si>
    <t>様式１診療所票(128)</t>
  </si>
  <si>
    <t>1.5Ｔ以上3Ｔ未満</t>
  </si>
  <si>
    <t>様式１診療所票(129)</t>
  </si>
  <si>
    <t>1.5Ｔ未満</t>
  </si>
  <si>
    <t>様式１診療所票(130)</t>
  </si>
  <si>
    <t>血管連続撮影装置</t>
  </si>
  <si>
    <t xml:space="preserve">血管連続撮影装置は、X線では映らない、血管の状態を撮影するための装置です。値は医療機関が保有する台数です。
</t>
  </si>
  <si>
    <t>様式１診療所票(131)</t>
  </si>
  <si>
    <t>SPECT</t>
  </si>
  <si>
    <t xml:space="preserve">SPECTは、特殊な薬剤を注射したあとに撮影することで、体のなかの血液の分布を調べる装置です。とくに、脳血管障害や心疾患の診断に用いられます。値は医療機関が保有する台数です。
</t>
  </si>
  <si>
    <t>様式１診療所票(132)</t>
  </si>
  <si>
    <t>PET</t>
  </si>
  <si>
    <t>様式１診療所票(133)</t>
  </si>
  <si>
    <t>PETCT</t>
  </si>
  <si>
    <t xml:space="preserve">PETCTは、診断の精度を向上させるためにPETとCTを組み合わせた装置です。値は医療機関が保有する台数です。
</t>
  </si>
  <si>
    <t>様式１診療所票(134)</t>
  </si>
  <si>
    <t>PETMRI</t>
  </si>
  <si>
    <t xml:space="preserve">PETMRIは、診断の精度を向上させるためにPETとMRIを組み合わせた装置です。値は医療機関が保有する台数です。
</t>
  </si>
  <si>
    <t>様式１診療所票(135)</t>
  </si>
  <si>
    <t>ガンマナイフ</t>
  </si>
  <si>
    <t xml:space="preserve">ガンマナイフは、脳に精密に放射線を集中照射する装置です。値は医療機関が保有する台数です。
</t>
  </si>
  <si>
    <t>様式１診療所票(136)</t>
  </si>
  <si>
    <t>サイバーナイフ</t>
  </si>
  <si>
    <t xml:space="preserve">サイバーナイフは、腫瘍にロボットアームで集中的に放射線を照射する装置です。値は医療機関が保有する台数です。
</t>
  </si>
  <si>
    <t>様式１診療所票(137)</t>
  </si>
  <si>
    <t>強度変調放射線治療器</t>
  </si>
  <si>
    <t xml:space="preserve">強度変調放射線治療器は、腫瘍に精確に放射線を照射する装置です。値は医療機関が保有する台数です。
</t>
  </si>
  <si>
    <t>様式１診療所票(138)</t>
  </si>
  <si>
    <t>遠隔操作式密封小線源治療装置</t>
  </si>
  <si>
    <t xml:space="preserve">遠隔操作式密封小線源治療装置は、体の内側から放射線を照射する機能を持つ装置です。値は医療機関が保有する台数です。
</t>
  </si>
  <si>
    <t>様式１診療所票(139)</t>
  </si>
  <si>
    <t>内視鏡手術用支援機器（ダヴィンチ）</t>
  </si>
  <si>
    <t xml:space="preserve">内視鏡手術用支援機器（ダヴィンチ）は、内視鏡カメラとロボットアームを操作して手術を行う手術支援ロボットです。値は医療機関が保有する台数です。
</t>
  </si>
  <si>
    <t>有床診療所の病床の役割</t>
  </si>
  <si>
    <t>様式１診療所票(12)</t>
  </si>
  <si>
    <t>病院からの早期退院患者の在宅・介護施設への受け渡し機能</t>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si>
  <si>
    <t>専門医療を担って病院の役割を補完する機能</t>
  </si>
  <si>
    <t>緊急時に対応する機能</t>
  </si>
  <si>
    <t>在宅医療の拠点としての機能</t>
  </si>
  <si>
    <t>終末期医療を担う機能</t>
  </si>
  <si>
    <t>上記のいずれにも該当しない</t>
  </si>
  <si>
    <t>令和２年４月１日～令和３年７月１日の間に病棟の再編・見直しがあった場合の報告対象期間</t>
  </si>
  <si>
    <t>令和２年４月１日～令和３年７月１日の間に入院部門の再編・見直しがあった場合の報告対象期間</t>
  </si>
  <si>
    <t xml:space="preserve">入院部門の再編・見直しがあった場合の報告対象期間は、令和2年4月1日～令和3年7月１日の期間内に病棟の再編・見直しを行ったことで、【令和２年4月1日～令和３年3月31日】の1年間分の状況を報告することが困難な場合に、令和3年7月1日時点の病棟単位で「月単位」で報告が可能な過去の期間です。
</t>
  </si>
  <si>
    <t>様式１診療所票(146)後</t>
  </si>
  <si>
    <t>メニューへ戻る</t>
  </si>
  <si>
    <t>◆患者の入退院等の状況</t>
  </si>
  <si>
    <t>入院患者の状況（年間）</t>
  </si>
  <si>
    <t>様式１診療所票(78)</t>
  </si>
  <si>
    <t>年間</t>
  </si>
  <si>
    <t>新規入院患者数（年間）</t>
  </si>
  <si>
    <t xml:space="preserve">１年間の入院患者の状況は、令和2年4月から令和3年3月までに入院、退院した患者数を示す項目です。
</t>
  </si>
  <si>
    <t>様式１診療所票(79)</t>
  </si>
  <si>
    <t>うち急変による入院患者</t>
  </si>
  <si>
    <t>様式１診療所票(80)</t>
  </si>
  <si>
    <t>うち他の急性期医療を担う病院の一般病棟からの受入割合</t>
  </si>
  <si>
    <t>様式１診療所票(81)</t>
  </si>
  <si>
    <t>在院患者延べ数（年間）</t>
  </si>
  <si>
    <t>様式１診療所票(82)</t>
  </si>
  <si>
    <t>退院患者数（年間）</t>
  </si>
  <si>
    <t>入院患者の状況（年間／入院前の場所・退院先の場所の状況）</t>
  </si>
  <si>
    <t>様式１診療所票(83)</t>
  </si>
  <si>
    <t xml:space="preserve">年間の入院患者の状況は、令和2年４月１日～令和3年３月31日の１年間に入院を受け入れた患者の入院前の場所、退院した患者の退院先の場所を示す項目です。
</t>
  </si>
  <si>
    <t>様式１診療所票(84)</t>
  </si>
  <si>
    <t>入院前の場所</t>
  </si>
  <si>
    <t>うち家庭からの入院</t>
  </si>
  <si>
    <t>様式１診療所票(85)</t>
  </si>
  <si>
    <t>うち他の病院、診療所からの転院</t>
  </si>
  <si>
    <t>様式１診療所票(86)</t>
  </si>
  <si>
    <t>うち介護施設・福祉施設からの入院</t>
  </si>
  <si>
    <t>様式１診療所票(87)</t>
  </si>
  <si>
    <t>うち介護医療院からの入院</t>
  </si>
  <si>
    <t>様式１診療所票(88)</t>
  </si>
  <si>
    <t>うち院内の出生</t>
  </si>
  <si>
    <t>様式１診療所票(89)</t>
  </si>
  <si>
    <t>様式１診療所票(90)</t>
  </si>
  <si>
    <t>様式１診療所票(91)</t>
  </si>
  <si>
    <t>退院先の場所</t>
  </si>
  <si>
    <t>うち家庭へ退院</t>
  </si>
  <si>
    <t>様式１診療所票(92)</t>
  </si>
  <si>
    <t>うち他の病院、診療所へ転院</t>
  </si>
  <si>
    <t>様式１診療所票(93)</t>
  </si>
  <si>
    <t>うち介護老人保健施設に入所</t>
  </si>
  <si>
    <t>様式１診療所票(94)</t>
  </si>
  <si>
    <t>うち介護老人福祉施設に入所</t>
  </si>
  <si>
    <t>様式１診療所票(95)</t>
  </si>
  <si>
    <t>うち介護医療院に入所</t>
  </si>
  <si>
    <t>様式１診療所票(96)</t>
  </si>
  <si>
    <t>うち社会福祉施設・有料老人ホーム等に入所</t>
  </si>
  <si>
    <t>様式１診療所票(97)</t>
  </si>
  <si>
    <t>うち終了（死亡退院等）</t>
  </si>
  <si>
    <t>様式１診療所票(98)</t>
  </si>
  <si>
    <t>退院後に在宅医療を必要とする患者の状況</t>
  </si>
  <si>
    <t>※並び順に注意！</t>
  </si>
  <si>
    <t xml:space="preserve">退院後に在宅医療を必要とする患者の状況は、令和2年４月１日～令和3年３月31日の１年間に退院した患者に対する、在宅医療の提供の必要性に関する項目です。
</t>
  </si>
  <si>
    <t>様式１診療所票(100)</t>
  </si>
  <si>
    <t>退院後１か月以内に在宅医療を必要としない患者（死亡退院を含む）</t>
  </si>
  <si>
    <t>様式１診療所票(101)</t>
  </si>
  <si>
    <t>退院後１か月以内に自院が在宅医療を提供する予定の患者数</t>
  </si>
  <si>
    <t>様式１診療所票(99)</t>
  </si>
  <si>
    <t>退院後１か月以内に他施設が在宅医療を提供する予定の患者</t>
  </si>
  <si>
    <t>様式１診療所票(102)</t>
  </si>
  <si>
    <t>退院後１か月以内に在宅医療の実施予定が不明の患者</t>
  </si>
  <si>
    <t>在宅医療を行った患者数</t>
  </si>
  <si>
    <t>様式１診療所票(104)</t>
  </si>
  <si>
    <t>往診を実施した患者延べ数（年間）</t>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si>
  <si>
    <t>様式１診療所票(105)</t>
  </si>
  <si>
    <t>訪問診療を実施した患者延べ数（年間）</t>
  </si>
  <si>
    <t>看取りを行った患者数</t>
  </si>
  <si>
    <t>様式１診療所票(106)</t>
  </si>
  <si>
    <t>直近１年間で在宅療養を担当した患者のうち、医療機関以外での看取り数（年間）</t>
  </si>
  <si>
    <t xml:space="preserve">看取りとは、患者の死期まで見守り臨終に付きそうことをいいます。値は、令和2年4月から令和3年3月までの１年間に在宅療養を担当し、看取りまで支援した患者について、その看取りを行った場所や数を示しています。
</t>
  </si>
  <si>
    <t>様式１診療所票(107)</t>
  </si>
  <si>
    <t>うち自宅での看取り数</t>
  </si>
  <si>
    <t>様式１診療所票(108)</t>
  </si>
  <si>
    <t>うち自宅以外での看取り数</t>
  </si>
  <si>
    <t>様式１診療所票(109)</t>
  </si>
  <si>
    <t>直近１年間で在宅療養を担当した患者のうち、医療機関での看取り数（年間）</t>
  </si>
  <si>
    <t>様式１診療所票(110)</t>
  </si>
  <si>
    <t>うち連携医療機関での看取り数</t>
  </si>
  <si>
    <t>様式１診療所票(111)</t>
  </si>
  <si>
    <t>うち連携医療機関以外での看取り数</t>
  </si>
  <si>
    <t>◆医療内容に関する情報（手術、リハビリテーションの実施状況など）</t>
  </si>
  <si>
    <t>算定する入院基本料の状況</t>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si>
  <si>
    <t>有床診療所入院基本料（有床診療所療養病床入院基本料の例により算定）</t>
  </si>
  <si>
    <t>有床診療所療養病床特別入院基本料</t>
  </si>
  <si>
    <t>有床診療所療養病床入院基本料（有床診療所入院基本料の例により算定）</t>
  </si>
  <si>
    <t>手術の状況</t>
  </si>
  <si>
    <t>様式2病棟票(167)</t>
  </si>
  <si>
    <t>手術総数</t>
  </si>
  <si>
    <t xml:space="preserve">手術の状況は、手術を受けた患者数と、手術の対象となった臓器別の患者数です。
</t>
  </si>
  <si>
    <t>様式2病棟票(167)-1</t>
  </si>
  <si>
    <t>臓器別の状況</t>
  </si>
  <si>
    <t>皮膚・皮下組織</t>
  </si>
  <si>
    <t>様式2病棟票(167)-2</t>
  </si>
  <si>
    <t>筋骨格系・四肢・体幹</t>
  </si>
  <si>
    <t>様式2病棟票(167)-3</t>
  </si>
  <si>
    <t>神経系・頭蓋</t>
  </si>
  <si>
    <t>様式2病棟票(167)-4</t>
  </si>
  <si>
    <t>眼</t>
  </si>
  <si>
    <t>様式2病棟票(167)-5</t>
  </si>
  <si>
    <t>耳鼻咽喉</t>
  </si>
  <si>
    <t>様式2病棟票(167)-6</t>
  </si>
  <si>
    <t>顔面・口腔・頸部</t>
  </si>
  <si>
    <t>様式2病棟票(167)-7</t>
  </si>
  <si>
    <t>胸部</t>
  </si>
  <si>
    <t>様式2病棟票(167)-8</t>
  </si>
  <si>
    <t>心・脈管</t>
  </si>
  <si>
    <t>様式2病棟票(167)-9</t>
  </si>
  <si>
    <t>腹部</t>
  </si>
  <si>
    <t>様式2病棟票(167)-10</t>
  </si>
  <si>
    <t>尿路系・副腎</t>
  </si>
  <si>
    <t>様式2病棟票(167)-11</t>
  </si>
  <si>
    <t>性器</t>
  </si>
  <si>
    <t>様式2病棟票(167)-12</t>
  </si>
  <si>
    <t>歯科</t>
  </si>
  <si>
    <t>様式2病棟票(168)</t>
  </si>
  <si>
    <t>全身麻酔の手術総数</t>
  </si>
  <si>
    <t xml:space="preserve">全身麻酔の手術の状況は、全身麻酔を用いて手術を受けた患者数と、手術の対象となった臓器別の患者数です。
</t>
  </si>
  <si>
    <t>様式2病棟票(168)-1</t>
  </si>
  <si>
    <t>様式2病棟票(168)-2</t>
  </si>
  <si>
    <t>様式2病棟票(168)-3</t>
  </si>
  <si>
    <t>様式2病棟票(168)-4</t>
  </si>
  <si>
    <t>様式2病棟票(168)-5</t>
  </si>
  <si>
    <t>様式2病棟票(168)-6</t>
  </si>
  <si>
    <t>様式2病棟票(168)-7</t>
  </si>
  <si>
    <t>様式2病棟票(168)-8</t>
  </si>
  <si>
    <t>様式2病棟票(168)-9</t>
  </si>
  <si>
    <t>様式2病棟票(168)-10</t>
  </si>
  <si>
    <t>様式2病棟票(168)-11</t>
  </si>
  <si>
    <t>様式2病棟票(168)-12</t>
  </si>
  <si>
    <t>様式2病棟票(169)</t>
  </si>
  <si>
    <t>人工心肺を用いた手術</t>
  </si>
  <si>
    <t xml:space="preserve">人工心肺を用いた手術とは、心臓手術などの際に心臓と肺の機能を代行する装置を用いて行う手術です。値はこの手術を行った患者数です。
</t>
  </si>
  <si>
    <t>様式2病棟票(170)</t>
  </si>
  <si>
    <t>胸腔鏡下手術</t>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si>
  <si>
    <t>様式2病棟票(171)</t>
  </si>
  <si>
    <t>腹腔鏡下手術</t>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si>
  <si>
    <t>がん、脳卒中、心筋梗塞、分娩、精神医療への対応状況</t>
  </si>
  <si>
    <t>（がん）</t>
  </si>
  <si>
    <t>様式2病棟票(172)</t>
  </si>
  <si>
    <t>悪性腫瘍手術</t>
  </si>
  <si>
    <t xml:space="preserve">悪性腫瘍手術とは、がんを取るための手術です。値は手術を行った患者数です。
</t>
  </si>
  <si>
    <t>様式2病棟票(173)</t>
  </si>
  <si>
    <t>病理組織標本作製</t>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si>
  <si>
    <t>様式2病棟票(176)</t>
  </si>
  <si>
    <t>術中迅速病理組織標本作製</t>
  </si>
  <si>
    <t xml:space="preserve">術中迅速診断とは、病気の良性・悪性の判断や切除範囲を決めるため、手術中に病理診断をすることをいいます。そのための病理組織標本作製を、手術中に行った患者数です。
</t>
  </si>
  <si>
    <t>様式2病棟票(177)</t>
  </si>
  <si>
    <t>放射線治療</t>
  </si>
  <si>
    <t xml:space="preserve">放射線治療とは、がんに放射線を当てる（照射する）ことで、がんを縮小させる治療を放射線治療といいます。値は放射線治療を行った患者数です。
</t>
  </si>
  <si>
    <t>様式2病棟票(228)</t>
  </si>
  <si>
    <t>化学療法</t>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si>
  <si>
    <t>様式2病棟票(231)</t>
  </si>
  <si>
    <t>がん患者指導管理料イ及びロ</t>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si>
  <si>
    <t>様式2病棟票(234)</t>
  </si>
  <si>
    <t>抗悪性腫瘍剤局所持続注入</t>
  </si>
  <si>
    <t xml:space="preserve">抗悪性腫瘍剤局所持続注入は、がんの患者に対し、カテーテル（細い管状の医療器具）等を用いて動脈や静脈等に抗がん剤を持続的に注入する治療です。値はこの治療を行った患者数です。
</t>
  </si>
  <si>
    <t>様式2病棟票(235)</t>
  </si>
  <si>
    <t>肝動脈塞栓を伴う抗悪性腫瘍剤肝動脈内注入</t>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si>
  <si>
    <t>（脳卒中）</t>
  </si>
  <si>
    <t>様式2病棟票(236)</t>
  </si>
  <si>
    <t>超急性期脳卒中加算</t>
  </si>
  <si>
    <t xml:space="preserve">超急性期脳卒中加算は、脳梗塞の患者に対し、発症後速やかに薬剤を投与して血栓を溶かす治療を行ったことを示す項目です。値はこの治療を行った患者数です。
</t>
  </si>
  <si>
    <t>ｔ－PA投与</t>
  </si>
  <si>
    <t>t-PA投与は発症から4.5時間以内で、CTやMRI検査で脳梗塞の変化がごく僅かである場合に、tPAという薬剤を点滴（静脈内投与）するものです。値は脳梗塞の患者に対して投与した患者数です。</t>
  </si>
  <si>
    <t>様式2病棟票(237)</t>
  </si>
  <si>
    <t>脳血管内手術</t>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si>
  <si>
    <t>（心筋梗塞）</t>
  </si>
  <si>
    <t>様式2病棟票(245)</t>
  </si>
  <si>
    <t>経皮的冠動脈形成術</t>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si>
  <si>
    <t>（分娩）</t>
  </si>
  <si>
    <t>様式１診療所票(112)</t>
  </si>
  <si>
    <t>分娩件数（正常分娩、帝王切開を含む、死産を除く）</t>
  </si>
  <si>
    <t xml:space="preserve">分娩件数は、分娩を行った患者数です。
</t>
  </si>
  <si>
    <t/>
  </si>
  <si>
    <t>（精神医療）</t>
  </si>
  <si>
    <t>様式2病棟票(256)</t>
  </si>
  <si>
    <t>入院精神療法（Ⅰ）</t>
  </si>
  <si>
    <t xml:space="preserve">入院精神療法は、精神疾患の患者に対し、治療計画に基づいて患者の精神面に対して施す治療です。値はこの治療を行った患者数です。
</t>
  </si>
  <si>
    <t>様式2病棟票(257)</t>
  </si>
  <si>
    <t>精神科リエゾンチーム加算</t>
  </si>
  <si>
    <t xml:space="preserve">精神科リエゾンチーム加算は、精神疾患の患者に対し、精神科医や専門の看護師等が共同し、多職種チームとして診療を行っていることを示す項目です。値はこうした診療を行った患者数です。
</t>
  </si>
  <si>
    <t>様式2病棟票(258)</t>
  </si>
  <si>
    <t>認知症ケア加算１</t>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si>
  <si>
    <t>様式2病棟票(261)</t>
  </si>
  <si>
    <t>認知症ケア加算２</t>
  </si>
  <si>
    <t>認知症ケア加算３</t>
  </si>
  <si>
    <t>様式2病棟票(264)</t>
  </si>
  <si>
    <t>精神疾患診療体制加算１及び２</t>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si>
  <si>
    <t>様式2病棟票(267)</t>
  </si>
  <si>
    <t>精神疾患診断治療初回加算（救命救急入院料）</t>
  </si>
  <si>
    <t xml:space="preserve">精神疾患診断治療初回加算は、自殺企図等による重篤な患者に対し、精神疾患にかかわる診断治療等を行っていることを示す項目です。値はこうした診療を行った患者数です。
</t>
  </si>
  <si>
    <t>重症患者への対応状況</t>
  </si>
  <si>
    <t>様式2病棟票(268)</t>
  </si>
  <si>
    <t>ハイリスク分娩管理加算</t>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si>
  <si>
    <t>様式2病棟票(269)</t>
  </si>
  <si>
    <t>ハイリスク妊産婦共同管理料（Ⅱ）</t>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si>
  <si>
    <t>様式2病棟票(270)</t>
  </si>
  <si>
    <t>救急搬送診療料</t>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si>
  <si>
    <t>様式2病棟票(271)</t>
  </si>
  <si>
    <t>観血的肺動脈圧測定</t>
  </si>
  <si>
    <t xml:space="preserve">観血的肺動脈圧測定は、急性心筋梗塞など心機能が低下した患者に対し、肺動脈内にカテーテル（細い管状の医療器具）を挿入して肺動脈の血圧を測定する検査です。値は検査を行った患者数です。
</t>
  </si>
  <si>
    <t>様式2病棟票(274)</t>
  </si>
  <si>
    <t>持続緩徐式血液濾過</t>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si>
  <si>
    <t>様式2病棟票(275)</t>
  </si>
  <si>
    <t>大動脈バルーンパンピング法</t>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si>
  <si>
    <t>様式2病棟票(278)</t>
  </si>
  <si>
    <t>経皮的心肺補助法</t>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si>
  <si>
    <t>様式2病棟票(281)</t>
  </si>
  <si>
    <t>補助人工心臓・植込型補助人工心臓</t>
  </si>
  <si>
    <t xml:space="preserve">補助人工心臓は、重篤な心不全等の患者に対し、人工的に血液循環を行う装置を装着することで、弱った心臓を休ませ、その回復を図る手術です。値はこの手術を行った患者数です。
</t>
  </si>
  <si>
    <t>様式2病棟票(295)</t>
  </si>
  <si>
    <t>頭蓋内圧持続測定（３時間を超えた場合）</t>
  </si>
  <si>
    <t xml:space="preserve">頭蓋内圧持続測定は、重症な頭部外傷やくも膜下出血等の患者に対し、特殊な測定機器を頭蓋骨内部に置くことで、脳周辺の圧力を持続的に測定する検査です。値は検査を行った患者数です。
</t>
  </si>
  <si>
    <t>様式2病棟票(296)</t>
  </si>
  <si>
    <t>人工心肺</t>
  </si>
  <si>
    <t xml:space="preserve">人工心肺は、心臓手術などの際に、一時的に心臓と肺の機能を代行する装置です。値は人工心肺装置を使用した患者数です。
</t>
  </si>
  <si>
    <t>様式2病棟票(299)</t>
  </si>
  <si>
    <t>血漿交換療法</t>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si>
  <si>
    <t>様式2病棟票(300)</t>
  </si>
  <si>
    <t>吸着式血液浄化法</t>
  </si>
  <si>
    <t xml:space="preserve">吸着式血液浄化法は、劇症肝炎や肝不全等の患者に対し、血液を吸着材に通すことで血液中に蓄積した老廃物や毒素等を除去する治療法です。値はこの処置を行った患者数です。
</t>
  </si>
  <si>
    <t>様式2病棟票(301)</t>
  </si>
  <si>
    <t>血球成分除去療法</t>
  </si>
  <si>
    <t xml:space="preserve">血球成分除去療法は、潰瘍性大腸炎やクローン病等の自己免疫疾患の患者に対し、血液から自分の組織を攻撃する白血球を除去する治療法です。値はこの処置を行った患者数です。
</t>
  </si>
  <si>
    <t>救急医療の実施状況</t>
  </si>
  <si>
    <t>様式2病棟票(302)</t>
  </si>
  <si>
    <t>院内トリアージ実施料</t>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si>
  <si>
    <t>様式2病棟票(303)</t>
  </si>
  <si>
    <t>夜間休日救急搬送医学管理料</t>
  </si>
  <si>
    <t xml:space="preserve">夜間休日救急搬送医学管理料は、夜間や休日等の救急搬送に対応していることを示す項目です。値は、深夜、休日等に救急車や救急医療用ヘリコプター等で搬送され、診療を行った患者数です。
</t>
  </si>
  <si>
    <t>様式2病棟票(304)</t>
  </si>
  <si>
    <t>精神科疾患患者等受入加算</t>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si>
  <si>
    <t>様式2病棟票(305)</t>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si>
  <si>
    <t>様式2病棟票(308)</t>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si>
  <si>
    <t>様式１診療所票(113)</t>
  </si>
  <si>
    <t>休日に受診した患者延べ数（年間）</t>
  </si>
  <si>
    <t xml:space="preserve">休日に受診した患者延べ数は、休日（日曜、祝日、年末年始）に受診した患者数と、そのうち診療後にただちに入院が必要となった患者数です。
</t>
  </si>
  <si>
    <t>様式１診療所票(114)</t>
  </si>
  <si>
    <t>うち診察後直ちに入院となった患者延べ数</t>
  </si>
  <si>
    <t>様式１診療所票(115)</t>
  </si>
  <si>
    <t>夜間・時間外に受診した患者延べ数（年間）</t>
  </si>
  <si>
    <t xml:space="preserve">夜間・時間外に受診した患者延べ数は、夜間・時間外（医療機関が表示する診療時間以外の時間（休日を除く））に受診した患者数と、そのうち診療後にただちに入院が必要となった患者数です。
</t>
  </si>
  <si>
    <t>様式１診療所票(116)</t>
  </si>
  <si>
    <t>様式１診療所票(117)</t>
  </si>
  <si>
    <t>救急車の受入件数（年間）</t>
  </si>
  <si>
    <t xml:space="preserve">救急車の受入件数は、救急車や救急医療用ヘリコプター等により搬送され受け入れた患者数です。
</t>
  </si>
  <si>
    <t>様式2病棟票(312)</t>
  </si>
  <si>
    <t>救命のための気管内挿管</t>
  </si>
  <si>
    <t xml:space="preserve">気管内挿管は、気道確保を行うためのチューブ等を口や鼻から挿入する処置です。値は救命措置として気管内挿管を行った患者数です。
</t>
  </si>
  <si>
    <t>様式2病棟票(313)</t>
  </si>
  <si>
    <t>体表面ペーシング法又は食道ペーシング法</t>
  </si>
  <si>
    <t xml:space="preserve">体表面・食道ペーシングは、胸部または食道内に電極をおき、電極を介して心臓を電気刺激する処置です。値は処置を行った患者数です。
</t>
  </si>
  <si>
    <t>様式2病棟票(314)</t>
  </si>
  <si>
    <t>非開胸的心マッサージ</t>
  </si>
  <si>
    <t xml:space="preserve">非開胸的心マッサージは、胸部を開く等の手術を伴わない、一般的な心臓マッサージを行う処置です。値は処置を行った患者数です。
</t>
  </si>
  <si>
    <t>様式2病棟票(317)</t>
  </si>
  <si>
    <t>カウンターショック</t>
  </si>
  <si>
    <t xml:space="preserve">カウンターショックは、心停止した患者に対し、AEDや専門の医療機器等を用いて、心臓に電気ショックを与え、正常な状態に戻す処置です。値は処置を行った患者数です。
</t>
  </si>
  <si>
    <t>様式2病棟票(320)</t>
  </si>
  <si>
    <t>心膜穿刺</t>
  </si>
  <si>
    <t xml:space="preserve">心膜穿刺は、心臓を覆う心膜に針等を刺し、心臓に貯まった水を排出する処置です。値は処置を行った患者数です。
</t>
  </si>
  <si>
    <t>様式2病棟票(321)</t>
  </si>
  <si>
    <t>食道圧迫止血チューブ挿入法</t>
  </si>
  <si>
    <t xml:space="preserve">食道圧迫止血チューブ挿入法は、食道静脈瘤からの出血に対し圧迫止血の目的でチューブを挿入する処置です。値は処置を行った患者数です。
</t>
  </si>
  <si>
    <t>急性期後の支援、在宅復帰の支援の状況</t>
  </si>
  <si>
    <t>様式2病棟票(322)</t>
  </si>
  <si>
    <t>入退院支援加算１</t>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si>
  <si>
    <t>様式2病棟票(325)</t>
  </si>
  <si>
    <t>入退院支援加算２</t>
  </si>
  <si>
    <t>様式2病棟票(328)</t>
  </si>
  <si>
    <t>小児加算（入退院支援加算１・２の算定患者が15歳未満の場合）</t>
  </si>
  <si>
    <t>様式2病棟票(329)</t>
  </si>
  <si>
    <t>入院時支援加算</t>
  </si>
  <si>
    <t>入院時支援加算は、入院中に行われる治療の説明、入院生活に関するオリエンテーション等を、入院前の外来において実施し、支援を行っていることを示す項目です。値は入院時支援を行った患者数です。</t>
  </si>
  <si>
    <t>様式2病棟票(330)</t>
  </si>
  <si>
    <t>救急・在宅等支援（療養）病床初期加算及び有床診療所一般病床初期加算</t>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35)</t>
  </si>
  <si>
    <t>急性期患者支援（療養）病床初期加算及び在宅患者支援（療養）病床初期加算</t>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8)</t>
  </si>
  <si>
    <t>地域連携診療計画加算（入退院支援加算）</t>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si>
  <si>
    <t>様式2病棟票(339)</t>
  </si>
  <si>
    <t>退院時共同指導料２</t>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si>
  <si>
    <t>様式2病棟票(340)</t>
  </si>
  <si>
    <t>介護支援等連携指導料</t>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si>
  <si>
    <t>様式2病棟票(341)</t>
  </si>
  <si>
    <t>退院時リハビリテーション指導料</t>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si>
  <si>
    <t>様式2病棟票(342)</t>
  </si>
  <si>
    <t>退院前訪問指導料</t>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si>
  <si>
    <t>全身管理の状況</t>
  </si>
  <si>
    <t>様式2病棟票(343)</t>
  </si>
  <si>
    <t>中心静脈注射</t>
  </si>
  <si>
    <t xml:space="preserve">中心静脈注射は、薬剤や栄養を長時間、安定的に供給する目的等で、血液量が多く流れも速い心臓近くにある太い静脈（中心静脈）に注射する行為です。値はこの注射を行った患者数です。
</t>
  </si>
  <si>
    <t>様式2病棟票(344)</t>
  </si>
  <si>
    <t>呼吸心拍監視</t>
  </si>
  <si>
    <t xml:space="preserve">呼吸心拍監視は、重篤な心機能障害や呼吸機能障害をもつ患者に対し、その呼吸や心拍数の状況を持続的に監視する検査です。値はこの検査を行った患者数です。
</t>
  </si>
  <si>
    <t>様式2病棟票(350)</t>
  </si>
  <si>
    <t>酸素吸入</t>
  </si>
  <si>
    <t xml:space="preserve">酸素吸入は、呼吸器疾患等で酸素が欠乏した状態の患者に対し、高濃度の酸素を吸入させる処置です。値はこの処置を行った患者数です。
</t>
  </si>
  <si>
    <t>様式2病棟票(351)</t>
  </si>
  <si>
    <t>観血的動脈圧測定（１時間を超えた場合）</t>
  </si>
  <si>
    <t xml:space="preserve">観血的動脈圧測定は、重症患者の血圧観察のために、動脈に管を挿入し、持続的に血圧を測定する検査です。値はこの検査を行った患者数です。
</t>
  </si>
  <si>
    <t>様式2病棟票(352)</t>
  </si>
  <si>
    <t>ドレーン法、胸腔若しくは腹腔洗浄</t>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si>
  <si>
    <t>様式2病棟票(359)</t>
  </si>
  <si>
    <t>人工呼吸（５時間を超えた場合）</t>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si>
  <si>
    <t>様式2病棟票(360)</t>
  </si>
  <si>
    <t>人工腎臓、腹膜灌流</t>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si>
  <si>
    <t>様式2病棟票(378)</t>
  </si>
  <si>
    <t>経管栄養・薬剤投与用カテーテル交換法</t>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si>
  <si>
    <t>リハビリテーションの実施状況</t>
  </si>
  <si>
    <t>様式2病棟票(379)</t>
  </si>
  <si>
    <t>疾患別リハビリテーション料</t>
  </si>
  <si>
    <t xml:space="preserve">疾患別リハビリテーション料は、患者の疾患や状態に応じたリハビリテーションを行った患者数です。
</t>
  </si>
  <si>
    <t>様式2病棟票(380)</t>
  </si>
  <si>
    <t>心大血管疾患リハビリテーション料</t>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si>
  <si>
    <t>様式2病棟票(383)</t>
  </si>
  <si>
    <t>脳血管疾患等リハビリテーション料</t>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si>
  <si>
    <t>様式2病棟票(387)</t>
  </si>
  <si>
    <t>廃用症候群リハビリテーション料</t>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si>
  <si>
    <t>様式2病棟票(391)</t>
  </si>
  <si>
    <t>運動器リハビリテーション料</t>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si>
  <si>
    <t>様式2病棟票(395)</t>
  </si>
  <si>
    <t>呼吸器リハビリテーション料</t>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si>
  <si>
    <t>様式2病棟票(398)</t>
  </si>
  <si>
    <t>障害児（者）リハビリテーション料</t>
  </si>
  <si>
    <t xml:space="preserve">障害児（者）リハビリテーション料は、脳性麻痺、発達障害等の患者に対し、状態に応じて行うリハビリテーションです。値はこのリハビリテーションを行った患者数です。
</t>
  </si>
  <si>
    <t>様式2病棟票(402)</t>
  </si>
  <si>
    <t>がん患者リハビリテーション料</t>
  </si>
  <si>
    <t xml:space="preserve">がん患者リハビリテーション料は、がんの患者に対し、治療の過程で生じた筋力低下、障害等の改善を目的として行うリハビリテーションです。値はこのリハビリテーションを行った患者数です。
</t>
  </si>
  <si>
    <t>様式2病棟票(403)</t>
  </si>
  <si>
    <t>認知症患者リハビリテーション料</t>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si>
  <si>
    <t>様式2病棟票(404)</t>
  </si>
  <si>
    <t>早期リハビリテーション加算（リハビリテーション料）</t>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si>
  <si>
    <t>様式2病棟票(405)</t>
  </si>
  <si>
    <t>早期離床・リハビリテーション加算（特定集中治療室管理料）</t>
  </si>
  <si>
    <t>早期離床・リハビリテーション加算（特定集中治療室管理料）は、入院後早期から離床に向けた取組を行っていることを示す項目です。値は早期離床段階のリハビリテーションを行った患者数です。</t>
  </si>
  <si>
    <t>様式2病棟票(406)</t>
  </si>
  <si>
    <t>初期加算（リハビリテーション料）</t>
  </si>
  <si>
    <t xml:space="preserve">初期加算は、治療開始後の初期段階（治療開始日から14日以内）からリハビリテーションを行っていることを示す項目です。値は初期段階からリハビリテーションを行った患者数です。
</t>
  </si>
  <si>
    <t>様式2病棟票(407)</t>
  </si>
  <si>
    <t>摂食機能療法</t>
  </si>
  <si>
    <t xml:space="preserve">摂食機能療法は、食べる機能（摂食機能）が落ちている患者に対し、症状に応じて行うリハビリテーションです。値はこのリハビリテーションを行った患者数です。
</t>
  </si>
  <si>
    <t>様式2病棟票(410)</t>
  </si>
  <si>
    <t>休日リハビリテーション提供体制加算（回復期リハビリテーション病棟入院料）</t>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si>
  <si>
    <t>様式2病棟票(411)</t>
  </si>
  <si>
    <t>入院時訪問指導加算（リハビリテーション総合計画評価料）</t>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si>
  <si>
    <t>様式１診療所票(118)</t>
  </si>
  <si>
    <t>リハビリテーションを実施した患者の割合</t>
  </si>
  <si>
    <t xml:space="preserve">リハビリテーションを実施した患者の割合は、入院患者のうち、疾患や状態に応じたリハビリテーションが実施された患者の割合です。
</t>
  </si>
  <si>
    <t>様式１診療所票(119)</t>
  </si>
  <si>
    <t>平均リハビリテーション単位数（１患者１日当たり）</t>
  </si>
  <si>
    <t xml:space="preserve">平均リハビリテーション単位数は、上記の患者に対し行ったリハビリテーションの平均的な量を示す値です。20分実施した場合を１単位とみなします。
</t>
  </si>
  <si>
    <t>様式１診療所票(120)</t>
  </si>
  <si>
    <t>過去１年間の総退院患者数</t>
  </si>
  <si>
    <t xml:space="preserve">過去１年間の総退院患者数等は、令和2年7月から令和3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様式１診療所票(121)</t>
  </si>
  <si>
    <t>うち入院時の日常生活機能評価10点以上の患者数</t>
  </si>
  <si>
    <t>様式１診療所票(122)</t>
  </si>
  <si>
    <t>うち退院時の日常生活機能評価が、入院時に比較して３点以上（※）改善していた患者数
※回復期ﾘﾊﾋﾞﾘﾃｰｼｮﾝ病棟入院料１の場合は４点以上</t>
  </si>
  <si>
    <t>長期療養患者の受入状況</t>
  </si>
  <si>
    <t>様式2病棟票(412)</t>
  </si>
  <si>
    <t>褥瘡対策加算（療養病棟入院基本料、有床診療所療養病床入院基本料）</t>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si>
  <si>
    <t>様式2病棟票(415)</t>
  </si>
  <si>
    <t>重度褥瘡処置</t>
  </si>
  <si>
    <t xml:space="preserve">重度褥瘡処置は重度化した褥瘡に対してケアを行っていることを示しています。値はこのようなケアを行った患者数です。
</t>
  </si>
  <si>
    <t>様式2病棟票(416)</t>
  </si>
  <si>
    <t>重症皮膚潰瘍管理加算</t>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si>
  <si>
    <t>重度の障害児等の受入状況</t>
  </si>
  <si>
    <t>様式2病棟票(417)</t>
  </si>
  <si>
    <t>難病等特別入院診療加算</t>
  </si>
  <si>
    <t xml:space="preserve">難病等特別入院診療加算は、難病患者や感染症患者等の入院を受け入れていることを示す項目です。値はその患者数です。
</t>
  </si>
  <si>
    <t>様式2病棟票(418)</t>
  </si>
  <si>
    <t>特殊疾患入院施設管理加算</t>
  </si>
  <si>
    <t xml:space="preserve">特殊疾患入院施設管理加算は、重度の障害者、難病患者等の入院を多く受け入れている病棟であること（全入院患者の約７割）を示す項目です。値はその患者数です。
</t>
  </si>
  <si>
    <t>様式2病棟票(419)</t>
  </si>
  <si>
    <t>超重症児（者）入院診療加算・準超重症児（者）入院診療加算</t>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si>
  <si>
    <t>様式2病棟票(420)</t>
  </si>
  <si>
    <t>強度行動障害入院医療管理加算</t>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si>
  <si>
    <t>医科歯科の連携状況</t>
  </si>
  <si>
    <t>様式2病棟票(421)</t>
  </si>
  <si>
    <t>歯科医師連携加算（栄養サポートチーム加算）</t>
  </si>
  <si>
    <t xml:space="preserve">歯科医師連携加算は、入院中の患者の栄養状態の改善を図るため、歯科医師が院内スタッフと共同で栄養サポートを行っていることを示す項目です。値はその患者数です。
</t>
  </si>
  <si>
    <t>様式2病棟票(422)</t>
  </si>
  <si>
    <t>周術期口腔機能管理後手術加算</t>
  </si>
  <si>
    <t xml:space="preserve">周術期口腔機能管理後手術加算は、悪性腫瘍手術等に先立ち、手術等を実施する１か月前の期間で歯科医師が周術期の口腔機能の管理を行っていることを示す項目です。値はその患者数です。
</t>
  </si>
  <si>
    <t>様式2病棟票(423)</t>
  </si>
  <si>
    <t>周術期等口腔機能管理料（Ⅱ）</t>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si>
  <si>
    <t>様式2病棟票(424)</t>
  </si>
  <si>
    <t>周術期等口腔機能管理料（Ⅲ）</t>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si>
  <si>
    <t>医療法人社団藤松産婦人科医院</t>
  </si>
  <si>
    <t>〒041-0852　北海道函館市鍛治2丁目24番5号</t>
  </si>
  <si>
    <t>診療時間やアクセス方法等の情報はこちら</t>
  </si>
  <si>
    <t>機能区分の選択状況（2017（平成29）年7月1日時点の機能）</t>
  </si>
  <si>
    <t>○</t>
  </si>
  <si>
    <t>休棟中、休棟後の再開の予定なし、休棟・廃止予定等</t>
  </si>
  <si>
    <t>機能区分の選択状況（6年が経過した日における病床の機能の予定）</t>
  </si>
  <si>
    <t>６年が経過した日における病床の機能の予定において、介護保険施設等へ移行予定を選択した場合</t>
  </si>
  <si>
    <t>設置主体（2017（平成29）年7月1日時点）</t>
  </si>
  <si>
    <t>稼働病床</t>
  </si>
  <si>
    <t>稼動病床数が0床である理由</t>
  </si>
  <si>
    <t>入院を必要とする患者が０人だったため</t>
  </si>
  <si>
    <t>産婦人科</t>
  </si>
  <si>
    <t>無</t>
  </si>
  <si>
    <t>過去1年間の間に病棟の再編・見直しがあった場合の報告対象期間</t>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si>
  <si>
    <t>TOPへ戻る</t>
  </si>
  <si>
    <t xml:space="preserve">１年間の入院患者の状況は、平成28年7月から平成29年6月までに入院、退院した患者数を示す項目です。
</t>
  </si>
  <si>
    <t>入院患者の状況（月間・年間／入院前の場所・退院先の場所の状況）</t>
  </si>
  <si>
    <t>１ヶ月間</t>
  </si>
  <si>
    <t>新規入院患者数（１ヶ月間）</t>
  </si>
  <si>
    <t xml:space="preserve">1か月間の入院患者の状況は、平成29年6月に入院を受け入れた患者の入院前の場所、退院した患者の退院先の場所を示す項目です。
</t>
  </si>
  <si>
    <t>うち介護施設、福祉施設からの入院</t>
  </si>
  <si>
    <t>退院患者数（1ヶ月間）</t>
  </si>
  <si>
    <t xml:space="preserve">年間の入院患者の状況は、平成28年７月１日～平成29年６月30日の１年間に入院を受け入れた患者の入院前の場所、退院した患者の退院先の場所を示す項目です。
</t>
  </si>
  <si>
    <t>退院患者数（１ヶ月間）</t>
  </si>
  <si>
    <t xml:space="preserve">退院後に在宅医療を必要とする患者の状況は、平成29年6月の１か月間に退院した患者に対する、在宅医療の提供の必要性に関する項目です。
</t>
  </si>
  <si>
    <t>退院後１か月以内に在宅医療を必要としない患者（死亡退院含む）</t>
  </si>
  <si>
    <t xml:space="preserve">退院後に在宅医療を必要とする患者の状況は、平成28年７月１日～平成29年６月30日の１年間に退院した患者に対する、在宅医療の提供の必要性に関する項目です。
</t>
  </si>
  <si>
    <t>往診を実施した患者延べ数</t>
  </si>
  <si>
    <t>訪問診療を実施した患者延べ数</t>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si>
  <si>
    <t>がん患者指導管理料１及び２</t>
  </si>
  <si>
    <t>頭蓋内圧持続測定（3時間を超えた場合）</t>
  </si>
  <si>
    <t>休日に受診した患者延べ数</t>
  </si>
  <si>
    <t>夜間・時間外に受診した患者延べ数</t>
  </si>
  <si>
    <t>救急車の受入件数</t>
  </si>
  <si>
    <t>退院支援加算１</t>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si>
  <si>
    <t>退院支援加算２</t>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地域連携診療計画加算（退院支援加算１）</t>
  </si>
  <si>
    <t>介護支援連携指導料</t>
  </si>
  <si>
    <t>観血的動脈圧測定（１時間を越えた場合）</t>
  </si>
  <si>
    <t>経管栄養カテーテル交換法</t>
  </si>
  <si>
    <t>心大血管疾患ﾘﾊﾋﾞﾘﾃｰｼｮﾝ料</t>
  </si>
  <si>
    <t>脳血管疾患等ﾘﾊﾋﾞﾘﾃｰｼｮﾝ料</t>
  </si>
  <si>
    <t>廃用症候群ﾘﾊﾋﾞﾘﾃｰｼｮﾝ料</t>
  </si>
  <si>
    <t>運動器ﾘﾊﾋﾞﾘﾃｰｼｮﾝ料</t>
  </si>
  <si>
    <t>呼吸器ﾘﾊﾋﾞﾘﾃｰｼｮﾝ料</t>
  </si>
  <si>
    <t>障害児（者）ﾘﾊﾋﾞﾘﾃｰｼｮﾝ料</t>
  </si>
  <si>
    <t>がん患者ﾘﾊﾋﾞﾘﾃｰｼｮﾝ料</t>
  </si>
  <si>
    <t>認知症患者ﾘﾊﾋﾞﾘﾃｰｼｮﾝ料</t>
  </si>
  <si>
    <t>早期ﾘﾊﾋﾞﾘﾃｰｼｮﾝ加算（ﾘﾊﾋﾞﾘﾃｰｼｮﾝ料）</t>
  </si>
  <si>
    <t>ﾘﾊﾋﾞﾘﾃｰｼｮﾝ充実加算（回復期 ﾘﾊﾋﾞﾘﾃｰｼｮﾝ病棟入院料）</t>
  </si>
  <si>
    <t xml:space="preserve">リハビリテーション充実加算は、より多くのリハビリテーションを集中的に提供できる病棟であることを示す項目です。値はこうした病棟に入院している患者数です。
</t>
  </si>
  <si>
    <t>休日ﾘﾊﾋﾞﾘﾃｰｼｮﾝ提供体制加算（回復期 ﾘﾊﾋﾞﾘﾃｰｼｮﾝ病棟入院料）</t>
  </si>
  <si>
    <t>入院時訪問指導加算（ﾘﾊﾋﾞﾘﾃｰｼｮﾝ総合計画評価料）</t>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療養病棟入院基本料１．２（A～I）</t>
  </si>
  <si>
    <t xml:space="preserve">療養病棟は、主として、長期にわたり療養を必要とする患者を入院させるための病棟です。値はこうした病棟に入院している患者数です。
</t>
  </si>
  <si>
    <t>褥瘡評価実施加算（療養病棟入院基本料、有床診療所療養病床入院基本料）</t>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si>
  <si>
    <t>超重症児（者）入院診療加算・ 準超重症児（者）入院診療加算</t>
  </si>
  <si>
    <t>障害児（者）リハ（再掲）</t>
  </si>
  <si>
    <t xml:space="preserve">障害児（者）リハは、脳性麻痺、発達障害等の患者に対して、状態に応じて行うリハビリテーションです。値はこのリハビリテーションを行った患者数です。
</t>
  </si>
  <si>
    <t>周術期口腔機能管理料（Ⅱ）</t>
  </si>
  <si>
    <t>周術期口腔機能管理料（Ⅲ）</t>
  </si>
  <si>
    <t>人工透析内科</t>
    <rPh sb="0" eb="2">
      <t>ジンコウ</t>
    </rPh>
    <rPh sb="2" eb="4">
      <t>トウセキ</t>
    </rPh>
    <rPh sb="4" eb="6">
      <t>ナイカ</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6" fillId="0" borderId="0">
      <alignment vertical="center"/>
    </xf>
    <xf numFmtId="0" fontId="19" fillId="0" borderId="0"/>
    <xf numFmtId="0" fontId="1" fillId="0" borderId="0">
      <alignment vertical="center"/>
    </xf>
  </cellStyleXfs>
  <cellXfs count="378">
    <xf numFmtId="0" fontId="0" fillId="0" borderId="0" xfId="0" applyNumberFormat="1" applyFont="1" applyFill="1" applyBorder="1" applyAlignment="1" applyProtection="1">
      <alignment vertical="center"/>
    </xf>
    <xf numFmtId="0" fontId="2"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horizontal="left" vertical="center"/>
    </xf>
    <xf numFmtId="0" fontId="1"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center" vertical="center"/>
    </xf>
    <xf numFmtId="0" fontId="1" fillId="2" borderId="0" xfId="3" applyNumberFormat="1" applyFont="1" applyFill="1" applyBorder="1" applyAlignment="1" applyProtection="1">
      <alignment horizontal="right" vertical="center"/>
    </xf>
    <xf numFmtId="0" fontId="4" fillId="2" borderId="0" xfId="3" applyNumberFormat="1" applyFont="1" applyFill="1" applyBorder="1" applyAlignment="1" applyProtection="1">
      <alignment horizontal="right" vertical="center"/>
    </xf>
    <xf numFmtId="0" fontId="2" fillId="2" borderId="0" xfId="3" applyNumberFormat="1" applyFont="1" applyFill="1" applyBorder="1" applyAlignment="1" applyProtection="1">
      <alignment vertical="center"/>
    </xf>
    <xf numFmtId="0" fontId="5" fillId="2" borderId="0" xfId="3" applyNumberFormat="1" applyFont="1" applyFill="1" applyBorder="1" applyAlignment="1" applyProtection="1">
      <alignment vertical="center"/>
    </xf>
    <xf numFmtId="49" fontId="6" fillId="2" borderId="0" xfId="3" applyNumberFormat="1" applyFont="1" applyFill="1" applyBorder="1" applyAlignment="1" applyProtection="1">
      <alignment vertical="center"/>
    </xf>
    <xf numFmtId="49" fontId="7" fillId="2" borderId="0" xfId="3" applyNumberFormat="1" applyFont="1" applyFill="1" applyBorder="1" applyAlignment="1" applyProtection="1">
      <alignment horizontal="left" vertical="center"/>
    </xf>
    <xf numFmtId="0" fontId="8" fillId="2" borderId="0" xfId="3" applyNumberFormat="1" applyFont="1" applyFill="1" applyBorder="1" applyAlignment="1" applyProtection="1">
      <alignment vertical="center"/>
    </xf>
    <xf numFmtId="0" fontId="6" fillId="2" borderId="0" xfId="3" applyNumberFormat="1" applyFont="1" applyFill="1" applyBorder="1" applyAlignment="1" applyProtection="1">
      <alignment vertical="center"/>
    </xf>
    <xf numFmtId="0" fontId="7" fillId="2" borderId="0" xfId="3" applyNumberFormat="1" applyFont="1" applyFill="1" applyBorder="1" applyAlignment="1" applyProtection="1">
      <alignment horizontal="left" vertical="center"/>
    </xf>
    <xf numFmtId="0" fontId="10" fillId="2" borderId="0" xfId="3" applyNumberFormat="1" applyFont="1" applyFill="1" applyBorder="1" applyAlignment="1" applyProtection="1">
      <alignment vertical="center"/>
    </xf>
    <xf numFmtId="0" fontId="11" fillId="2" borderId="0" xfId="3" applyNumberFormat="1" applyFont="1" applyFill="1" applyBorder="1" applyAlignment="1" applyProtection="1">
      <alignment horizontal="left" vertical="center"/>
    </xf>
    <xf numFmtId="0" fontId="2" fillId="2" borderId="0" xfId="3" applyNumberFormat="1" applyFont="1" applyFill="1" applyBorder="1" applyAlignment="1" applyProtection="1">
      <alignment horizontal="left" vertical="center"/>
    </xf>
    <xf numFmtId="0" fontId="8" fillId="2" borderId="0" xfId="3" applyNumberFormat="1" applyFont="1" applyFill="1" applyBorder="1" applyAlignment="1" applyProtection="1">
      <alignment vertical="center"/>
    </xf>
    <xf numFmtId="0" fontId="7" fillId="2" borderId="0" xfId="3" applyNumberFormat="1" applyFont="1" applyFill="1" applyBorder="1" applyAlignment="1" applyProtection="1">
      <alignment vertical="center"/>
    </xf>
    <xf numFmtId="0" fontId="7" fillId="2" borderId="0" xfId="3" applyNumberFormat="1" applyFont="1" applyFill="1" applyBorder="1" applyAlignment="1" applyProtection="1">
      <alignment horizontal="left" vertical="center"/>
    </xf>
    <xf numFmtId="0" fontId="2" fillId="2" borderId="0" xfId="3" applyNumberFormat="1" applyFont="1" applyFill="1" applyBorder="1" applyAlignment="1" applyProtection="1">
      <alignment horizontal="left" vertical="center" wrapText="1"/>
    </xf>
    <xf numFmtId="0" fontId="2" fillId="2" borderId="0" xfId="3" applyNumberFormat="1" applyFont="1" applyFill="1" applyBorder="1" applyAlignment="1" applyProtection="1">
      <alignment horizontal="left" vertical="center" wrapText="1"/>
    </xf>
    <xf numFmtId="0" fontId="3" fillId="3" borderId="1" xfId="3" applyNumberFormat="1" applyFont="1" applyFill="1" applyBorder="1" applyAlignment="1" applyProtection="1">
      <alignment horizontal="center" vertical="center"/>
    </xf>
    <xf numFmtId="0" fontId="12" fillId="2" borderId="2" xfId="3" applyNumberFormat="1" applyFont="1" applyFill="1" applyBorder="1" applyAlignment="1" applyProtection="1">
      <alignment horizontal="center" vertical="center"/>
    </xf>
    <xf numFmtId="0" fontId="13" fillId="2" borderId="0" xfId="3" applyNumberFormat="1" applyFont="1" applyFill="1" applyBorder="1" applyAlignment="1" applyProtection="1">
      <alignment horizontal="left" vertical="center"/>
    </xf>
    <xf numFmtId="0" fontId="12" fillId="2" borderId="1" xfId="3" applyNumberFormat="1" applyFont="1" applyFill="1" applyBorder="1" applyAlignment="1" applyProtection="1">
      <alignment horizontal="center" vertical="center"/>
    </xf>
    <xf numFmtId="0" fontId="1" fillId="0" borderId="1" xfId="3" applyNumberFormat="1" applyFont="1" applyFill="1" applyBorder="1" applyAlignment="1" applyProtection="1">
      <alignment horizontal="center" vertical="center"/>
    </xf>
    <xf numFmtId="0" fontId="12" fillId="0" borderId="1" xfId="3" applyNumberFormat="1" applyFont="1" applyFill="1" applyBorder="1" applyAlignment="1" applyProtection="1">
      <alignment horizontal="center" vertical="center"/>
    </xf>
    <xf numFmtId="0" fontId="14" fillId="0" borderId="1" xfId="3" applyNumberFormat="1" applyFont="1" applyFill="1" applyBorder="1" applyAlignment="1" applyProtection="1">
      <alignment horizontal="center" vertical="center"/>
    </xf>
    <xf numFmtId="0" fontId="14" fillId="0" borderId="0" xfId="3" applyNumberFormat="1" applyFont="1" applyFill="1" applyBorder="1" applyAlignment="1" applyProtection="1">
      <alignment horizontal="center" vertical="center"/>
    </xf>
    <xf numFmtId="0" fontId="14" fillId="2" borderId="1" xfId="3" applyNumberFormat="1" applyFont="1" applyFill="1" applyBorder="1" applyAlignment="1" applyProtection="1">
      <alignment horizontal="center" vertical="center"/>
    </xf>
    <xf numFmtId="0" fontId="14" fillId="0" borderId="0" xfId="3" applyNumberFormat="1" applyFont="1" applyFill="1" applyBorder="1" applyAlignment="1" applyProtection="1">
      <alignment vertical="center"/>
    </xf>
    <xf numFmtId="0" fontId="1" fillId="2" borderId="1" xfId="3" applyNumberFormat="1" applyFont="1" applyFill="1" applyBorder="1" applyAlignment="1" applyProtection="1">
      <alignment horizontal="center" vertical="center"/>
    </xf>
    <xf numFmtId="0" fontId="14" fillId="2" borderId="0" xfId="3" applyNumberFormat="1" applyFont="1" applyFill="1" applyBorder="1" applyAlignment="1" applyProtection="1">
      <alignment horizontal="center" vertical="center"/>
    </xf>
    <xf numFmtId="0" fontId="15" fillId="2" borderId="0" xfId="3" applyNumberFormat="1" applyFont="1" applyFill="1" applyBorder="1" applyAlignment="1" applyProtection="1">
      <alignment vertical="center"/>
    </xf>
    <xf numFmtId="0" fontId="16" fillId="2" borderId="0" xfId="1" applyNumberFormat="1" applyFont="1" applyFill="1" applyBorder="1" applyAlignment="1" applyProtection="1">
      <alignment horizontal="left" vertical="center"/>
    </xf>
    <xf numFmtId="0" fontId="17" fillId="2" borderId="0" xfId="3" applyNumberFormat="1" applyFont="1" applyFill="1" applyBorder="1" applyAlignment="1" applyProtection="1">
      <alignment vertical="center"/>
    </xf>
    <xf numFmtId="0" fontId="17" fillId="2" borderId="0" xfId="3" applyNumberFormat="1" applyFont="1" applyFill="1" applyBorder="1" applyAlignment="1" applyProtection="1">
      <alignment horizontal="center" vertical="center"/>
    </xf>
    <xf numFmtId="0" fontId="18" fillId="2" borderId="0" xfId="3" applyNumberFormat="1" applyFont="1" applyFill="1" applyBorder="1" applyAlignment="1" applyProtection="1">
      <alignment vertical="top" wrapText="1"/>
    </xf>
    <xf numFmtId="0" fontId="3" fillId="2" borderId="0" xfId="3" applyNumberFormat="1" applyFont="1" applyFill="1" applyBorder="1" applyAlignment="1" applyProtection="1">
      <alignment vertical="center" wrapText="1"/>
    </xf>
    <xf numFmtId="0" fontId="3" fillId="2" borderId="0" xfId="3" applyNumberFormat="1" applyFont="1" applyFill="1" applyBorder="1" applyAlignment="1" applyProtection="1">
      <alignment horizontal="left" vertical="center" wrapText="1"/>
    </xf>
    <xf numFmtId="0" fontId="18" fillId="2" borderId="0" xfId="3" applyNumberFormat="1" applyFont="1" applyFill="1" applyBorder="1" applyAlignment="1" applyProtection="1">
      <alignment vertical="center" wrapText="1"/>
    </xf>
    <xf numFmtId="0" fontId="8" fillId="2" borderId="0" xfId="3" applyNumberFormat="1" applyFont="1" applyFill="1" applyBorder="1" applyAlignment="1" applyProtection="1">
      <alignment vertical="center"/>
    </xf>
    <xf numFmtId="0" fontId="8" fillId="2" borderId="0" xfId="2" applyNumberFormat="1" applyFont="1" applyFill="1" applyBorder="1" applyAlignment="1" applyProtection="1">
      <alignment vertical="center"/>
    </xf>
    <xf numFmtId="0" fontId="8" fillId="0" borderId="0" xfId="0" applyNumberFormat="1" applyFont="1" applyFill="1" applyBorder="1" applyAlignment="1" applyProtection="1">
      <alignment vertical="center"/>
    </xf>
    <xf numFmtId="0" fontId="1" fillId="0" borderId="0" xfId="3" applyNumberFormat="1" applyFont="1" applyFill="1" applyBorder="1" applyAlignment="1" applyProtection="1">
      <alignment vertical="center"/>
    </xf>
    <xf numFmtId="0" fontId="8" fillId="2" borderId="0" xfId="3" applyNumberFormat="1" applyFont="1" applyFill="1" applyBorder="1" applyAlignment="1" applyProtection="1">
      <alignment horizontal="center" vertical="center"/>
    </xf>
    <xf numFmtId="0" fontId="20" fillId="2" borderId="0" xfId="1" applyNumberFormat="1" applyFont="1" applyFill="1" applyBorder="1" applyAlignment="1" applyProtection="1">
      <alignment vertical="center"/>
    </xf>
    <xf numFmtId="0" fontId="8" fillId="2" borderId="0" xfId="3" applyNumberFormat="1" applyFont="1" applyFill="1" applyBorder="1" applyAlignment="1" applyProtection="1">
      <alignment horizontal="left" vertical="center" wrapText="1"/>
    </xf>
    <xf numFmtId="0" fontId="21" fillId="2" borderId="0" xfId="3" applyNumberFormat="1" applyFont="1" applyFill="1" applyBorder="1" applyAlignment="1" applyProtection="1">
      <alignment horizontal="left" vertical="center"/>
    </xf>
    <xf numFmtId="0" fontId="8" fillId="2" borderId="0" xfId="3" applyNumberFormat="1" applyFont="1" applyFill="1" applyBorder="1" applyAlignment="1" applyProtection="1">
      <alignment vertical="center"/>
    </xf>
    <xf numFmtId="0" fontId="16" fillId="2" borderId="0" xfId="1" applyNumberFormat="1" applyFont="1" applyFill="1" applyBorder="1" applyAlignment="1" applyProtection="1">
      <alignment vertical="center"/>
    </xf>
    <xf numFmtId="0" fontId="17" fillId="2" borderId="0" xfId="3" applyNumberFormat="1" applyFont="1" applyFill="1" applyBorder="1" applyAlignment="1" applyProtection="1">
      <alignment horizontal="left" vertical="center"/>
    </xf>
    <xf numFmtId="0" fontId="3" fillId="2" borderId="0" xfId="3" applyNumberFormat="1" applyFont="1" applyFill="1" applyBorder="1" applyAlignment="1" applyProtection="1">
      <alignment horizontal="center" vertical="center" wrapText="1"/>
    </xf>
    <xf numFmtId="0" fontId="16" fillId="2" borderId="0" xfId="1" applyNumberFormat="1" applyFont="1" applyFill="1" applyBorder="1" applyAlignment="1" applyProtection="1">
      <alignment vertical="center"/>
    </xf>
    <xf numFmtId="0" fontId="16" fillId="2" borderId="0" xfId="1" applyNumberFormat="1" applyFont="1" applyFill="1" applyBorder="1" applyAlignment="1" applyProtection="1">
      <alignment horizontal="left" vertical="center"/>
    </xf>
    <xf numFmtId="0" fontId="22" fillId="2" borderId="0" xfId="1" applyNumberFormat="1" applyFont="1" applyFill="1" applyBorder="1" applyAlignment="1" applyProtection="1">
      <alignment vertical="center"/>
    </xf>
    <xf numFmtId="0" fontId="16" fillId="2" borderId="0" xfId="1" applyNumberFormat="1" applyFont="1" applyFill="1" applyBorder="1" applyAlignment="1" applyProtection="1">
      <alignment horizontal="center" vertical="center"/>
    </xf>
    <xf numFmtId="0" fontId="23" fillId="2" borderId="6" xfId="3" applyNumberFormat="1" applyFont="1" applyFill="1" applyBorder="1" applyAlignment="1" applyProtection="1">
      <alignment vertical="center"/>
    </xf>
    <xf numFmtId="0" fontId="3" fillId="2" borderId="6" xfId="3" applyNumberFormat="1" applyFont="1" applyFill="1" applyBorder="1" applyAlignment="1" applyProtection="1">
      <alignment vertical="center" wrapText="1"/>
    </xf>
    <xf numFmtId="0" fontId="3" fillId="2" borderId="6" xfId="3" applyNumberFormat="1" applyFont="1" applyFill="1" applyBorder="1" applyAlignment="1" applyProtection="1">
      <alignment vertical="center"/>
    </xf>
    <xf numFmtId="0" fontId="3" fillId="2" borderId="6" xfId="3" applyNumberFormat="1" applyFont="1" applyFill="1" applyBorder="1" applyAlignment="1" applyProtection="1">
      <alignment horizontal="left" vertical="center"/>
    </xf>
    <xf numFmtId="0" fontId="1" fillId="2" borderId="6" xfId="3" applyNumberFormat="1" applyFont="1" applyFill="1" applyBorder="1" applyAlignment="1" applyProtection="1">
      <alignment vertical="center"/>
    </xf>
    <xf numFmtId="0" fontId="4" fillId="2" borderId="6" xfId="3" applyNumberFormat="1" applyFont="1" applyFill="1" applyBorder="1" applyAlignment="1" applyProtection="1">
      <alignment horizontal="right" vertical="center"/>
    </xf>
    <xf numFmtId="0" fontId="3" fillId="2" borderId="0" xfId="3" applyNumberFormat="1" applyFont="1" applyFill="1" applyBorder="1" applyAlignment="1" applyProtection="1">
      <alignment vertical="center" wrapText="1"/>
    </xf>
    <xf numFmtId="0" fontId="3" fillId="2" borderId="0" xfId="3" applyNumberFormat="1" applyFont="1" applyFill="1" applyBorder="1" applyAlignment="1" applyProtection="1">
      <alignment horizontal="left" vertical="center"/>
    </xf>
    <xf numFmtId="0" fontId="1"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center" vertical="center"/>
    </xf>
    <xf numFmtId="0" fontId="4" fillId="2" borderId="0" xfId="3" applyNumberFormat="1" applyFont="1" applyFill="1" applyBorder="1" applyAlignment="1" applyProtection="1">
      <alignment horizontal="right" vertical="center"/>
    </xf>
    <xf numFmtId="0" fontId="1" fillId="3" borderId="7" xfId="3" applyNumberFormat="1" applyFont="1" applyFill="1" applyBorder="1" applyAlignment="1" applyProtection="1">
      <alignment horizontal="center" vertical="center" wrapText="1"/>
    </xf>
    <xf numFmtId="0" fontId="1" fillId="3" borderId="8" xfId="3" applyNumberFormat="1" applyFont="1" applyFill="1" applyBorder="1" applyAlignment="1" applyProtection="1">
      <alignment horizontal="center" vertical="center" wrapText="1"/>
    </xf>
    <xf numFmtId="0" fontId="24" fillId="2" borderId="0" xfId="3" applyNumberFormat="1" applyFont="1" applyFill="1" applyBorder="1" applyAlignment="1" applyProtection="1">
      <alignment horizontal="right" vertical="center"/>
    </xf>
    <xf numFmtId="0" fontId="3" fillId="2" borderId="0" xfId="3" applyNumberFormat="1" applyFont="1" applyFill="1" applyBorder="1" applyAlignment="1" applyProtection="1">
      <alignment horizontal="center" vertical="center"/>
    </xf>
    <xf numFmtId="0" fontId="1" fillId="3" borderId="9" xfId="3" applyNumberFormat="1" applyFont="1" applyFill="1" applyBorder="1" applyAlignment="1" applyProtection="1">
      <alignment horizontal="right" vertical="center" wrapText="1"/>
    </xf>
    <xf numFmtId="0" fontId="1" fillId="3" borderId="10" xfId="3" applyNumberFormat="1" applyFont="1" applyFill="1" applyBorder="1" applyAlignment="1" applyProtection="1">
      <alignment horizontal="center" vertical="center" wrapText="1"/>
    </xf>
    <xf numFmtId="0" fontId="1" fillId="2" borderId="0" xfId="3" applyNumberFormat="1" applyFont="1" applyFill="1" applyBorder="1" applyAlignment="1" applyProtection="1">
      <alignment horizontal="center" vertical="center" wrapText="1"/>
    </xf>
    <xf numFmtId="0" fontId="3" fillId="5" borderId="1" xfId="3" applyNumberFormat="1" applyFont="1" applyFill="1" applyBorder="1" applyAlignment="1" applyProtection="1">
      <alignment horizontal="left" vertical="top" wrapText="1"/>
    </xf>
    <xf numFmtId="176" fontId="1" fillId="2" borderId="3" xfId="3" applyNumberFormat="1" applyFont="1" applyFill="1" applyBorder="1" applyAlignment="1" applyProtection="1">
      <alignment horizontal="center" vertical="center" wrapText="1" shrinkToFit="1"/>
    </xf>
    <xf numFmtId="176" fontId="1" fillId="2" borderId="5" xfId="3" applyNumberFormat="1" applyFont="1" applyFill="1" applyBorder="1" applyAlignment="1" applyProtection="1">
      <alignment horizontal="center" vertical="center"/>
    </xf>
    <xf numFmtId="0" fontId="3"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right" vertical="center" shrinkToFit="1"/>
    </xf>
    <xf numFmtId="0" fontId="1" fillId="2" borderId="0" xfId="3" applyNumberFormat="1" applyFont="1" applyFill="1" applyBorder="1" applyAlignment="1" applyProtection="1">
      <alignment horizontal="center" vertical="center" shrinkToFit="1"/>
    </xf>
    <xf numFmtId="0" fontId="3" fillId="2" borderId="0" xfId="3" applyNumberFormat="1" applyFont="1" applyFill="1" applyBorder="1" applyAlignment="1" applyProtection="1">
      <alignment vertical="center"/>
    </xf>
    <xf numFmtId="0" fontId="23" fillId="2"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right" vertical="center"/>
    </xf>
    <xf numFmtId="176" fontId="1" fillId="2" borderId="3" xfId="3" applyNumberFormat="1" applyFont="1" applyFill="1" applyBorder="1" applyAlignment="1" applyProtection="1">
      <alignment horizontal="right" vertical="center" shrinkToFit="1"/>
    </xf>
    <xf numFmtId="0" fontId="2" fillId="2" borderId="0" xfId="3" applyNumberFormat="1" applyFont="1" applyFill="1" applyBorder="1" applyAlignment="1" applyProtection="1">
      <alignment vertical="center" wrapText="1"/>
    </xf>
    <xf numFmtId="0" fontId="25" fillId="2" borderId="3" xfId="3" applyNumberFormat="1" applyFont="1" applyFill="1" applyBorder="1" applyAlignment="1" applyProtection="1">
      <alignment horizontal="left" vertical="center" wrapText="1"/>
    </xf>
    <xf numFmtId="0" fontId="1" fillId="2" borderId="5" xfId="3" applyNumberFormat="1" applyFont="1" applyFill="1" applyBorder="1" applyAlignment="1" applyProtection="1">
      <alignment horizontal="center" vertical="center" wrapText="1"/>
    </xf>
    <xf numFmtId="0" fontId="3" fillId="2" borderId="0" xfId="3" applyNumberFormat="1" applyFont="1" applyFill="1" applyBorder="1" applyAlignment="1" applyProtection="1">
      <alignment horizontal="left" vertical="center" wrapText="1"/>
    </xf>
    <xf numFmtId="0" fontId="4" fillId="2" borderId="0" xfId="3" applyNumberFormat="1" applyFont="1" applyFill="1" applyBorder="1" applyAlignment="1" applyProtection="1">
      <alignment horizontal="center" vertical="center" shrinkToFit="1"/>
    </xf>
    <xf numFmtId="0" fontId="4" fillId="2" borderId="0" xfId="3" applyNumberFormat="1" applyFont="1" applyFill="1" applyBorder="1" applyAlignment="1" applyProtection="1">
      <alignment horizontal="center" vertical="center"/>
    </xf>
    <xf numFmtId="0" fontId="1" fillId="3" borderId="7" xfId="3" applyNumberFormat="1" applyFont="1" applyFill="1" applyBorder="1" applyAlignment="1" applyProtection="1">
      <alignment horizontal="center" vertical="center"/>
    </xf>
    <xf numFmtId="0" fontId="1" fillId="3" borderId="9" xfId="3" applyNumberFormat="1" applyFont="1" applyFill="1" applyBorder="1" applyAlignment="1" applyProtection="1">
      <alignment horizontal="right" vertical="center"/>
    </xf>
    <xf numFmtId="0" fontId="1" fillId="2" borderId="3" xfId="3" applyNumberFormat="1" applyFont="1" applyFill="1" applyBorder="1" applyAlignment="1" applyProtection="1">
      <alignment horizontal="center" vertical="center" wrapText="1"/>
    </xf>
    <xf numFmtId="0" fontId="3" fillId="4" borderId="13" xfId="3" applyNumberFormat="1" applyFont="1" applyFill="1" applyBorder="1" applyAlignment="1" applyProtection="1">
      <alignment horizontal="left" vertical="center" wrapText="1"/>
    </xf>
    <xf numFmtId="0" fontId="3" fillId="4" borderId="0" xfId="3" applyNumberFormat="1" applyFont="1" applyFill="1" applyBorder="1" applyAlignment="1" applyProtection="1">
      <alignment horizontal="left" vertical="center" wrapText="1"/>
    </xf>
    <xf numFmtId="0" fontId="3" fillId="4" borderId="9"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horizontal="left" vertical="center" wrapText="1"/>
    </xf>
    <xf numFmtId="0" fontId="7"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horizontal="center"/>
    </xf>
    <xf numFmtId="0" fontId="3" fillId="2" borderId="0" xfId="3" applyNumberFormat="1" applyFont="1" applyFill="1" applyBorder="1" applyAlignment="1" applyProtection="1">
      <alignment horizontal="left"/>
    </xf>
    <xf numFmtId="0" fontId="24" fillId="2" borderId="0" xfId="3" applyNumberFormat="1" applyFont="1" applyFill="1" applyBorder="1" applyAlignment="1" applyProtection="1">
      <alignment horizontal="right" vertical="center"/>
    </xf>
    <xf numFmtId="177" fontId="1" fillId="2" borderId="3" xfId="3" applyNumberFormat="1" applyFont="1" applyFill="1" applyBorder="1" applyAlignment="1" applyProtection="1">
      <alignment horizontal="right" vertical="center" shrinkToFit="1"/>
    </xf>
    <xf numFmtId="177" fontId="1" fillId="2" borderId="5" xfId="3" applyNumberFormat="1" applyFont="1" applyFill="1" applyBorder="1" applyAlignment="1" applyProtection="1">
      <alignment horizontal="center" vertical="center"/>
    </xf>
    <xf numFmtId="0" fontId="2" fillId="2" borderId="0" xfId="3" applyNumberFormat="1" applyFont="1" applyFill="1" applyBorder="1" applyAlignment="1" applyProtection="1">
      <alignment vertical="center"/>
    </xf>
    <xf numFmtId="0" fontId="3" fillId="2" borderId="0" xfId="3" applyNumberFormat="1" applyFont="1" applyFill="1" applyBorder="1" applyAlignment="1" applyProtection="1">
      <alignment vertical="center" shrinkToFit="1"/>
    </xf>
    <xf numFmtId="0" fontId="3" fillId="2" borderId="0" xfId="3" applyNumberFormat="1" applyFont="1" applyFill="1" applyBorder="1" applyAlignment="1" applyProtection="1">
      <alignment horizontal="left" vertical="center" shrinkToFit="1"/>
    </xf>
    <xf numFmtId="0" fontId="12" fillId="5" borderId="3" xfId="3" applyNumberFormat="1" applyFont="1" applyFill="1" applyBorder="1" applyAlignment="1" applyProtection="1">
      <alignment horizontal="left" vertical="top" wrapText="1"/>
    </xf>
    <xf numFmtId="0" fontId="1" fillId="2" borderId="3" xfId="3" applyNumberFormat="1" applyFont="1" applyFill="1" applyBorder="1" applyAlignment="1" applyProtection="1">
      <alignment horizontal="center" vertical="center" shrinkToFit="1"/>
    </xf>
    <xf numFmtId="0" fontId="24" fillId="2" borderId="0" xfId="3" applyNumberFormat="1" applyFont="1" applyFill="1" applyBorder="1" applyAlignment="1" applyProtection="1">
      <alignment horizontal="center" vertical="center"/>
    </xf>
    <xf numFmtId="0" fontId="26" fillId="2" borderId="0" xfId="3" applyNumberFormat="1" applyFont="1" applyFill="1" applyBorder="1" applyAlignment="1" applyProtection="1">
      <alignment horizontal="right" vertical="center"/>
    </xf>
    <xf numFmtId="0" fontId="1" fillId="3" borderId="12" xfId="3" applyNumberFormat="1" applyFont="1" applyFill="1" applyBorder="1" applyAlignment="1" applyProtection="1">
      <alignment horizontal="center" vertical="center" wrapText="1"/>
    </xf>
    <xf numFmtId="0" fontId="1" fillId="3" borderId="15" xfId="3" applyNumberFormat="1" applyFont="1" applyFill="1" applyBorder="1" applyAlignment="1" applyProtection="1">
      <alignment horizontal="center" vertical="center" wrapText="1"/>
    </xf>
    <xf numFmtId="0" fontId="1" fillId="2" borderId="0" xfId="3" applyNumberFormat="1" applyFont="1" applyFill="1" applyBorder="1" applyAlignment="1" applyProtection="1">
      <alignment vertical="center" wrapText="1"/>
    </xf>
    <xf numFmtId="179" fontId="1" fillId="2" borderId="3" xfId="3" applyNumberFormat="1" applyFont="1" applyFill="1" applyBorder="1" applyAlignment="1" applyProtection="1">
      <alignment horizontal="right" vertical="center" shrinkToFit="1"/>
    </xf>
    <xf numFmtId="179" fontId="1" fillId="2" borderId="5" xfId="3" applyNumberFormat="1" applyFont="1" applyFill="1" applyBorder="1" applyAlignment="1" applyProtection="1">
      <alignment horizontal="center" vertical="center"/>
    </xf>
    <xf numFmtId="179" fontId="1" fillId="6" borderId="11" xfId="3" applyNumberFormat="1" applyFont="1" applyFill="1" applyBorder="1" applyAlignment="1" applyProtection="1">
      <alignment horizontal="right" vertical="center" shrinkToFit="1"/>
    </xf>
    <xf numFmtId="179" fontId="1" fillId="6" borderId="8" xfId="3" applyNumberFormat="1" applyFont="1" applyFill="1" applyBorder="1" applyAlignment="1" applyProtection="1">
      <alignment horizontal="right" vertical="center" shrinkToFit="1"/>
    </xf>
    <xf numFmtId="180" fontId="1" fillId="2" borderId="3" xfId="3" applyNumberFormat="1" applyFont="1" applyFill="1" applyBorder="1" applyAlignment="1" applyProtection="1">
      <alignment horizontal="right" vertical="center" shrinkToFit="1"/>
    </xf>
    <xf numFmtId="180" fontId="1" fillId="2" borderId="5" xfId="3" applyNumberFormat="1" applyFont="1" applyFill="1" applyBorder="1" applyAlignment="1" applyProtection="1">
      <alignment horizontal="center" vertical="center"/>
    </xf>
    <xf numFmtId="180" fontId="1" fillId="6" borderId="0" xfId="3" applyNumberFormat="1" applyFont="1" applyFill="1" applyBorder="1" applyAlignment="1" applyProtection="1">
      <alignment horizontal="right" vertical="center" shrinkToFit="1"/>
    </xf>
    <xf numFmtId="180" fontId="1" fillId="6" borderId="14" xfId="3" applyNumberFormat="1" applyFont="1" applyFill="1" applyBorder="1" applyAlignment="1" applyProtection="1">
      <alignment horizontal="right" vertical="center" shrinkToFit="1"/>
    </xf>
    <xf numFmtId="179" fontId="1" fillId="6" borderId="0" xfId="3" applyNumberFormat="1" applyFont="1" applyFill="1" applyBorder="1" applyAlignment="1" applyProtection="1">
      <alignment horizontal="right" vertical="center" shrinkToFit="1"/>
    </xf>
    <xf numFmtId="179" fontId="1" fillId="6" borderId="14" xfId="3" applyNumberFormat="1" applyFont="1" applyFill="1" applyBorder="1" applyAlignment="1" applyProtection="1">
      <alignment horizontal="right" vertical="center" shrinkToFit="1"/>
    </xf>
    <xf numFmtId="179" fontId="1" fillId="2" borderId="1" xfId="3" applyNumberFormat="1" applyFont="1" applyFill="1" applyBorder="1" applyAlignment="1" applyProtection="1">
      <alignment horizontal="right" vertical="center" shrinkToFit="1"/>
    </xf>
    <xf numFmtId="180" fontId="1" fillId="2" borderId="1" xfId="3" applyNumberFormat="1" applyFont="1" applyFill="1" applyBorder="1" applyAlignment="1" applyProtection="1">
      <alignment horizontal="right" vertical="center" shrinkToFit="1"/>
    </xf>
    <xf numFmtId="0" fontId="1" fillId="2" borderId="5" xfId="3" applyNumberFormat="1" applyFont="1" applyFill="1" applyBorder="1" applyAlignment="1" applyProtection="1">
      <alignment horizontal="center" vertical="center"/>
    </xf>
    <xf numFmtId="0" fontId="2" fillId="2" borderId="0" xfId="3" applyNumberFormat="1" applyFont="1" applyFill="1" applyBorder="1" applyAlignment="1" applyProtection="1">
      <alignment vertical="center" shrinkToFit="1"/>
    </xf>
    <xf numFmtId="0" fontId="3" fillId="4" borderId="1" xfId="3" applyNumberFormat="1" applyFont="1" applyFill="1" applyBorder="1" applyAlignment="1" applyProtection="1">
      <alignment horizontal="left" vertical="center" wrapText="1"/>
    </xf>
    <xf numFmtId="0" fontId="3" fillId="2" borderId="0" xfId="3" applyNumberFormat="1" applyFont="1" applyFill="1" applyBorder="1" applyAlignment="1" applyProtection="1">
      <alignment horizontal="center" vertical="center" wrapText="1"/>
    </xf>
    <xf numFmtId="181" fontId="1" fillId="2" borderId="3" xfId="3" applyNumberFormat="1" applyFont="1" applyFill="1" applyBorder="1" applyAlignment="1" applyProtection="1">
      <alignment horizontal="right" vertical="center" shrinkToFit="1"/>
    </xf>
    <xf numFmtId="0" fontId="3" fillId="5" borderId="3" xfId="3" applyNumberFormat="1" applyFont="1" applyFill="1" applyBorder="1" applyAlignment="1" applyProtection="1">
      <alignment horizontal="left" vertical="top" wrapText="1"/>
    </xf>
    <xf numFmtId="0" fontId="8" fillId="0" borderId="0" xfId="3" applyNumberFormat="1" applyFont="1" applyFill="1" applyBorder="1" applyAlignment="1" applyProtection="1">
      <alignment horizontal="left" vertical="center"/>
    </xf>
    <xf numFmtId="0" fontId="4" fillId="2" borderId="0" xfId="3" applyNumberFormat="1" applyFont="1" applyFill="1" applyBorder="1" applyAlignment="1" applyProtection="1">
      <alignment horizontal="center" vertical="center"/>
    </xf>
    <xf numFmtId="0" fontId="2" fillId="2" borderId="0" xfId="3" applyNumberFormat="1" applyFont="1" applyFill="1" applyBorder="1" applyAlignment="1" applyProtection="1">
      <alignment horizontal="center" vertical="center"/>
    </xf>
    <xf numFmtId="0" fontId="8" fillId="2" borderId="0" xfId="3" applyNumberFormat="1" applyFont="1" applyFill="1" applyBorder="1" applyAlignment="1" applyProtection="1">
      <alignment horizontal="left" vertical="center"/>
    </xf>
    <xf numFmtId="0" fontId="1" fillId="0" borderId="3" xfId="3" applyNumberFormat="1" applyFont="1" applyFill="1" applyBorder="1" applyAlignment="1" applyProtection="1">
      <alignment horizontal="center" vertical="center" shrinkToFit="1"/>
    </xf>
    <xf numFmtId="0" fontId="16" fillId="0" borderId="0" xfId="1" applyNumberFormat="1" applyFont="1" applyFill="1" applyBorder="1" applyAlignment="1" applyProtection="1">
      <alignment horizontal="right" vertical="center"/>
    </xf>
    <xf numFmtId="0" fontId="27" fillId="2" borderId="0" xfId="0" applyNumberFormat="1" applyFont="1" applyFill="1" applyBorder="1" applyAlignment="1" applyProtection="1">
      <alignment vertical="center"/>
    </xf>
    <xf numFmtId="0" fontId="0" fillId="2" borderId="0" xfId="0" applyNumberFormat="1" applyFont="1" applyFill="1" applyBorder="1" applyAlignment="1" applyProtection="1">
      <alignment vertical="center"/>
    </xf>
    <xf numFmtId="0" fontId="1" fillId="3" borderId="13" xfId="3" applyNumberFormat="1" applyFont="1" applyFill="1" applyBorder="1" applyAlignment="1" applyProtection="1">
      <alignment horizontal="right" vertical="center" wrapText="1"/>
    </xf>
    <xf numFmtId="0" fontId="2" fillId="2" borderId="0" xfId="3" applyNumberFormat="1" applyFont="1" applyFill="1" applyBorder="1" applyAlignment="1" applyProtection="1">
      <alignment horizontal="center" vertical="center"/>
    </xf>
    <xf numFmtId="182" fontId="14" fillId="2" borderId="7" xfId="3" applyNumberFormat="1" applyFont="1" applyFill="1" applyBorder="1" applyAlignment="1" applyProtection="1">
      <alignment horizontal="center" vertical="center" shrinkToFit="1"/>
    </xf>
    <xf numFmtId="176" fontId="1" fillId="2" borderId="8" xfId="3" applyNumberFormat="1" applyFont="1" applyFill="1" applyBorder="1" applyAlignment="1" applyProtection="1">
      <alignment horizontal="center" vertical="center"/>
    </xf>
    <xf numFmtId="0" fontId="2" fillId="2" borderId="0" xfId="3" applyNumberFormat="1" applyFont="1" applyFill="1" applyBorder="1" applyAlignment="1" applyProtection="1">
      <alignment vertical="center" shrinkToFit="1"/>
    </xf>
    <xf numFmtId="183" fontId="14" fillId="2" borderId="13" xfId="3" applyNumberFormat="1" applyFont="1" applyFill="1" applyBorder="1" applyAlignment="1" applyProtection="1">
      <alignment horizontal="center" vertical="center" shrinkToFit="1"/>
    </xf>
    <xf numFmtId="176" fontId="1" fillId="2" borderId="14" xfId="3" applyNumberFormat="1" applyFont="1" applyFill="1" applyBorder="1" applyAlignment="1" applyProtection="1">
      <alignment horizontal="center" vertical="center"/>
    </xf>
    <xf numFmtId="179" fontId="14" fillId="2" borderId="13" xfId="3" applyNumberFormat="1" applyFont="1" applyFill="1" applyBorder="1" applyAlignment="1" applyProtection="1">
      <alignment horizontal="center" vertical="center" wrapText="1"/>
    </xf>
    <xf numFmtId="182" fontId="14" fillId="2" borderId="13" xfId="3" applyNumberFormat="1" applyFont="1" applyFill="1" applyBorder="1" applyAlignment="1" applyProtection="1">
      <alignment horizontal="center" vertical="center" shrinkToFit="1"/>
    </xf>
    <xf numFmtId="183" fontId="14" fillId="2" borderId="9" xfId="3" applyNumberFormat="1" applyFont="1" applyFill="1" applyBorder="1" applyAlignment="1" applyProtection="1">
      <alignment horizontal="center" vertical="center" shrinkToFit="1"/>
    </xf>
    <xf numFmtId="176" fontId="1" fillId="2" borderId="10" xfId="3" applyNumberFormat="1" applyFont="1" applyFill="1" applyBorder="1" applyAlignment="1" applyProtection="1">
      <alignment horizontal="center" vertical="center"/>
    </xf>
    <xf numFmtId="0" fontId="16" fillId="2" borderId="0" xfId="1" applyNumberFormat="1" applyFont="1" applyFill="1" applyBorder="1" applyAlignment="1" applyProtection="1">
      <alignment vertical="center"/>
    </xf>
    <xf numFmtId="0" fontId="23" fillId="0" borderId="6" xfId="0" applyNumberFormat="1" applyFont="1" applyFill="1" applyBorder="1" applyAlignment="1" applyProtection="1">
      <alignment vertical="center"/>
    </xf>
    <xf numFmtId="0" fontId="3" fillId="2" borderId="6" xfId="3" applyNumberFormat="1" applyFont="1" applyFill="1" applyBorder="1" applyAlignment="1" applyProtection="1">
      <alignment horizontal="center" vertical="center"/>
    </xf>
    <xf numFmtId="0" fontId="1" fillId="2" borderId="6" xfId="3" applyNumberFormat="1" applyFont="1" applyFill="1" applyBorder="1" applyAlignment="1" applyProtection="1">
      <alignment horizontal="right" vertical="center"/>
    </xf>
    <xf numFmtId="0" fontId="4" fillId="2" borderId="6" xfId="3" applyNumberFormat="1" applyFont="1" applyFill="1" applyBorder="1" applyAlignment="1" applyProtection="1">
      <alignment horizontal="center" vertical="center"/>
    </xf>
    <xf numFmtId="184" fontId="1" fillId="2" borderId="3" xfId="3" applyNumberFormat="1" applyFont="1" applyFill="1" applyBorder="1" applyAlignment="1" applyProtection="1">
      <alignment horizontal="right" vertical="center" shrinkToFit="1"/>
    </xf>
    <xf numFmtId="0" fontId="3" fillId="2" borderId="0" xfId="3" applyNumberFormat="1" applyFont="1" applyFill="1" applyBorder="1" applyAlignment="1" applyProtection="1">
      <alignment horizontal="center" vertical="center" textRotation="255"/>
    </xf>
    <xf numFmtId="0" fontId="3" fillId="2" borderId="0" xfId="3" applyNumberFormat="1" applyFont="1" applyFill="1" applyBorder="1" applyAlignment="1" applyProtection="1">
      <alignment horizontal="center" vertical="top" textRotation="255"/>
    </xf>
    <xf numFmtId="0" fontId="3" fillId="4" borderId="13" xfId="3" applyNumberFormat="1" applyFont="1" applyFill="1" applyBorder="1" applyAlignment="1" applyProtection="1">
      <alignment vertical="center"/>
    </xf>
    <xf numFmtId="0" fontId="3" fillId="4" borderId="0" xfId="3" applyNumberFormat="1" applyFont="1" applyFill="1" applyBorder="1" applyAlignment="1" applyProtection="1">
      <alignment vertical="center"/>
    </xf>
    <xf numFmtId="0" fontId="3" fillId="4" borderId="9" xfId="3" applyNumberFormat="1" applyFont="1" applyFill="1" applyBorder="1" applyAlignment="1" applyProtection="1">
      <alignment vertical="center"/>
    </xf>
    <xf numFmtId="0" fontId="3" fillId="4" borderId="6" xfId="3" applyNumberFormat="1" applyFont="1" applyFill="1" applyBorder="1" applyAlignment="1" applyProtection="1">
      <alignment vertical="center"/>
    </xf>
    <xf numFmtId="0" fontId="3" fillId="2" borderId="0" xfId="0" applyNumberFormat="1" applyFont="1" applyFill="1" applyBorder="1" applyAlignment="1" applyProtection="1">
      <alignment vertical="center"/>
    </xf>
    <xf numFmtId="0" fontId="12" fillId="2" borderId="0" xfId="3" applyNumberFormat="1" applyFont="1" applyFill="1" applyBorder="1" applyAlignment="1" applyProtection="1">
      <alignment vertical="top" wrapText="1"/>
    </xf>
    <xf numFmtId="0" fontId="3" fillId="4" borderId="14" xfId="3" applyNumberFormat="1" applyFont="1" applyFill="1" applyBorder="1" applyAlignment="1" applyProtection="1">
      <alignment vertical="center"/>
    </xf>
    <xf numFmtId="0" fontId="3" fillId="4" borderId="10" xfId="3" applyNumberFormat="1" applyFont="1" applyFill="1" applyBorder="1" applyAlignment="1" applyProtection="1">
      <alignment vertical="center"/>
    </xf>
    <xf numFmtId="179" fontId="1" fillId="2" borderId="9" xfId="3" applyNumberFormat="1" applyFont="1" applyFill="1" applyBorder="1" applyAlignment="1" applyProtection="1">
      <alignment horizontal="right" vertical="center" shrinkToFit="1"/>
    </xf>
    <xf numFmtId="0" fontId="23" fillId="2" borderId="6" xfId="0" applyNumberFormat="1" applyFont="1" applyFill="1" applyBorder="1" applyAlignment="1" applyProtection="1">
      <alignment vertical="center"/>
    </xf>
    <xf numFmtId="0" fontId="0" fillId="2" borderId="6" xfId="0" applyNumberFormat="1" applyFont="1" applyFill="1" applyBorder="1" applyAlignment="1" applyProtection="1">
      <alignment vertical="center"/>
    </xf>
    <xf numFmtId="0" fontId="0" fillId="2" borderId="0" xfId="0" applyNumberFormat="1" applyFont="1" applyFill="1" applyBorder="1" applyAlignment="1" applyProtection="1">
      <alignment vertical="center"/>
    </xf>
    <xf numFmtId="0" fontId="3" fillId="4" borderId="15" xfId="3" applyNumberFormat="1" applyFont="1" applyFill="1" applyBorder="1" applyAlignment="1" applyProtection="1">
      <alignment vertical="center"/>
    </xf>
    <xf numFmtId="0" fontId="2" fillId="2" borderId="0" xfId="3" applyNumberFormat="1" applyFont="1" applyFill="1" applyBorder="1" applyAlignment="1" applyProtection="1">
      <alignment horizontal="center" vertical="center" shrinkToFit="1"/>
    </xf>
    <xf numFmtId="0" fontId="2" fillId="0" borderId="0" xfId="3" applyNumberFormat="1" applyFont="1" applyFill="1" applyBorder="1" applyAlignment="1" applyProtection="1">
      <alignment vertical="center"/>
    </xf>
    <xf numFmtId="0" fontId="2" fillId="2" borderId="0" xfId="3" applyNumberFormat="1" applyFont="1" applyFill="1" applyBorder="1" applyAlignment="1" applyProtection="1">
      <alignment vertical="center" wrapText="1" shrinkToFit="1"/>
    </xf>
    <xf numFmtId="0" fontId="12" fillId="5" borderId="1" xfId="3" applyNumberFormat="1" applyFont="1" applyFill="1" applyBorder="1" applyAlignment="1" applyProtection="1">
      <alignment horizontal="left" vertical="top" wrapText="1"/>
    </xf>
    <xf numFmtId="0" fontId="3" fillId="4" borderId="10" xfId="3" applyNumberFormat="1" applyFont="1" applyFill="1" applyBorder="1" applyAlignment="1" applyProtection="1">
      <alignment horizontal="left" vertical="center" wrapText="1"/>
    </xf>
    <xf numFmtId="0" fontId="28" fillId="5" borderId="3" xfId="0" applyNumberFormat="1" applyFont="1" applyFill="1" applyBorder="1" applyAlignment="1" applyProtection="1">
      <alignment horizontal="left" vertical="top" wrapText="1"/>
    </xf>
    <xf numFmtId="0" fontId="3" fillId="4" borderId="0" xfId="3" applyNumberFormat="1" applyFont="1" applyFill="1" applyBorder="1" applyAlignment="1" applyProtection="1">
      <alignment vertical="center"/>
    </xf>
    <xf numFmtId="0" fontId="3" fillId="4" borderId="6" xfId="3" applyNumberFormat="1" applyFont="1" applyFill="1" applyBorder="1" applyAlignment="1" applyProtection="1">
      <alignment vertical="center"/>
    </xf>
    <xf numFmtId="185" fontId="1" fillId="2" borderId="3" xfId="3" applyNumberFormat="1" applyFont="1" applyFill="1" applyBorder="1" applyAlignment="1" applyProtection="1">
      <alignment horizontal="right" vertical="center" shrinkToFit="1"/>
    </xf>
    <xf numFmtId="0" fontId="3" fillId="4" borderId="6" xfId="3" applyNumberFormat="1" applyFont="1" applyFill="1" applyBorder="1" applyAlignment="1" applyProtection="1">
      <alignment vertical="center" wrapText="1"/>
    </xf>
    <xf numFmtId="0" fontId="2" fillId="7" borderId="0" xfId="3" applyNumberFormat="1" applyFont="1" applyFill="1" applyBorder="1" applyAlignment="1" applyProtection="1">
      <alignment vertical="center"/>
    </xf>
    <xf numFmtId="0" fontId="8" fillId="7" borderId="0" xfId="3" applyNumberFormat="1" applyFont="1" applyFill="1" applyBorder="1" applyAlignment="1" applyProtection="1">
      <alignment vertical="center"/>
    </xf>
    <xf numFmtId="0" fontId="2" fillId="7" borderId="0" xfId="3" applyNumberFormat="1" applyFont="1" applyFill="1" applyBorder="1" applyAlignment="1" applyProtection="1">
      <alignment horizontal="center" vertical="center"/>
    </xf>
    <xf numFmtId="0" fontId="2" fillId="7" borderId="0" xfId="3" applyNumberFormat="1" applyFont="1" applyFill="1" applyBorder="1" applyAlignment="1" applyProtection="1">
      <alignment vertical="center"/>
    </xf>
    <xf numFmtId="49" fontId="29" fillId="2" borderId="0" xfId="3" applyNumberFormat="1" applyFont="1" applyFill="1" applyBorder="1" applyAlignment="1" applyProtection="1">
      <alignment vertical="center"/>
    </xf>
    <xf numFmtId="49" fontId="30" fillId="2" borderId="0" xfId="3" applyNumberFormat="1" applyFont="1" applyFill="1" applyBorder="1" applyAlignment="1" applyProtection="1">
      <alignment horizontal="left" vertical="center"/>
    </xf>
    <xf numFmtId="0" fontId="29" fillId="2" borderId="0" xfId="3" applyNumberFormat="1" applyFont="1" applyFill="1" applyBorder="1" applyAlignment="1" applyProtection="1">
      <alignment vertical="center"/>
    </xf>
    <xf numFmtId="0" fontId="30" fillId="2" borderId="0" xfId="3" applyNumberFormat="1" applyFont="1" applyFill="1" applyBorder="1" applyAlignment="1" applyProtection="1">
      <alignment horizontal="left" vertical="center"/>
    </xf>
    <xf numFmtId="0" fontId="8" fillId="0" borderId="0" xfId="3" applyNumberFormat="1" applyFont="1" applyFill="1" applyBorder="1" applyAlignment="1" applyProtection="1">
      <alignment vertical="center"/>
    </xf>
    <xf numFmtId="0" fontId="2" fillId="0" borderId="0" xfId="3" applyNumberFormat="1" applyFont="1" applyFill="1" applyBorder="1" applyAlignment="1" applyProtection="1">
      <alignment horizontal="center" vertical="center"/>
    </xf>
    <xf numFmtId="0" fontId="2" fillId="0" borderId="0" xfId="3" applyNumberFormat="1" applyFont="1" applyFill="1" applyBorder="1" applyAlignment="1" applyProtection="1">
      <alignment vertical="center"/>
    </xf>
    <xf numFmtId="0" fontId="25" fillId="9" borderId="0" xfId="3" applyNumberFormat="1" applyFont="1" applyFill="1" applyBorder="1" applyAlignment="1" applyProtection="1">
      <alignment vertical="center"/>
    </xf>
    <xf numFmtId="0" fontId="32" fillId="0" borderId="0" xfId="3" applyNumberFormat="1" applyFont="1" applyFill="1" applyBorder="1" applyAlignment="1" applyProtection="1">
      <alignment vertical="center"/>
    </xf>
    <xf numFmtId="0" fontId="32" fillId="9" borderId="0" xfId="3" applyNumberFormat="1" applyFont="1" applyFill="1" applyBorder="1" applyAlignment="1" applyProtection="1">
      <alignment vertical="center"/>
    </xf>
    <xf numFmtId="0" fontId="33" fillId="9" borderId="0" xfId="3" applyNumberFormat="1" applyFont="1" applyFill="1" applyBorder="1" applyAlignment="1" applyProtection="1">
      <alignment vertical="center"/>
    </xf>
    <xf numFmtId="0" fontId="33" fillId="8" borderId="0" xfId="3" applyNumberFormat="1" applyFont="1" applyFill="1" applyBorder="1" applyAlignment="1" applyProtection="1">
      <alignment vertical="center" wrapText="1"/>
    </xf>
    <xf numFmtId="0" fontId="14" fillId="2" borderId="0" xfId="3" applyNumberFormat="1" applyFont="1" applyFill="1" applyBorder="1" applyAlignment="1" applyProtection="1">
      <alignment vertical="center"/>
    </xf>
    <xf numFmtId="0" fontId="27" fillId="2" borderId="0" xfId="3" applyNumberFormat="1" applyFont="1" applyFill="1" applyBorder="1" applyAlignment="1" applyProtection="1">
      <alignment vertical="center"/>
    </xf>
    <xf numFmtId="176" fontId="14" fillId="2" borderId="3" xfId="3" applyNumberFormat="1" applyFont="1" applyFill="1" applyBorder="1" applyAlignment="1" applyProtection="1">
      <alignment horizontal="center" vertical="center" wrapText="1" shrinkToFit="1"/>
    </xf>
    <xf numFmtId="176" fontId="14" fillId="2" borderId="3" xfId="3" applyNumberFormat="1" applyFont="1" applyFill="1" applyBorder="1" applyAlignment="1" applyProtection="1">
      <alignment horizontal="right" vertical="center" shrinkToFit="1"/>
    </xf>
    <xf numFmtId="0" fontId="33" fillId="2" borderId="3" xfId="3" applyNumberFormat="1" applyFont="1" applyFill="1" applyBorder="1" applyAlignment="1" applyProtection="1">
      <alignment horizontal="left" vertical="center" wrapText="1"/>
    </xf>
    <xf numFmtId="0" fontId="14" fillId="2" borderId="3" xfId="3" applyNumberFormat="1" applyFont="1" applyFill="1" applyBorder="1" applyAlignment="1" applyProtection="1">
      <alignment horizontal="center" vertical="center" wrapText="1"/>
    </xf>
    <xf numFmtId="177" fontId="14" fillId="2" borderId="3" xfId="3" applyNumberFormat="1" applyFont="1" applyFill="1" applyBorder="1" applyAlignment="1" applyProtection="1">
      <alignment horizontal="right" vertical="center" shrinkToFit="1"/>
    </xf>
    <xf numFmtId="0" fontId="14" fillId="2" borderId="3" xfId="3" applyNumberFormat="1" applyFont="1" applyFill="1" applyBorder="1" applyAlignment="1" applyProtection="1">
      <alignment horizontal="center" vertical="center" shrinkToFit="1"/>
    </xf>
    <xf numFmtId="179" fontId="14" fillId="2" borderId="3" xfId="3" applyNumberFormat="1" applyFont="1" applyFill="1" applyBorder="1" applyAlignment="1" applyProtection="1">
      <alignment horizontal="right" vertical="center" shrinkToFit="1"/>
    </xf>
    <xf numFmtId="180" fontId="14" fillId="2" borderId="3" xfId="3" applyNumberFormat="1" applyFont="1" applyFill="1" applyBorder="1" applyAlignment="1" applyProtection="1">
      <alignment horizontal="right" vertical="center" shrinkToFit="1"/>
    </xf>
    <xf numFmtId="179" fontId="14" fillId="2" borderId="1" xfId="3" applyNumberFormat="1" applyFont="1" applyFill="1" applyBorder="1" applyAlignment="1" applyProtection="1">
      <alignment horizontal="right" vertical="center" shrinkToFit="1"/>
    </xf>
    <xf numFmtId="180" fontId="14" fillId="2" borderId="1" xfId="3" applyNumberFormat="1" applyFont="1" applyFill="1" applyBorder="1" applyAlignment="1" applyProtection="1">
      <alignment horizontal="right" vertical="center" shrinkToFit="1"/>
    </xf>
    <xf numFmtId="181" fontId="14" fillId="2" borderId="3" xfId="3" applyNumberFormat="1" applyFont="1" applyFill="1" applyBorder="1" applyAlignment="1" applyProtection="1">
      <alignment horizontal="right" vertical="center" shrinkToFit="1"/>
    </xf>
    <xf numFmtId="0" fontId="14" fillId="0" borderId="3" xfId="3" applyNumberFormat="1" applyFont="1" applyFill="1" applyBorder="1" applyAlignment="1" applyProtection="1">
      <alignment horizontal="center" vertical="center" shrinkToFit="1"/>
    </xf>
    <xf numFmtId="184" fontId="14" fillId="2" borderId="3" xfId="3" applyNumberFormat="1" applyFont="1" applyFill="1" applyBorder="1" applyAlignment="1" applyProtection="1">
      <alignment horizontal="right" vertical="center" shrinkToFit="1"/>
    </xf>
    <xf numFmtId="179" fontId="14" fillId="2" borderId="9" xfId="3" applyNumberFormat="1" applyFont="1" applyFill="1" applyBorder="1" applyAlignment="1" applyProtection="1">
      <alignment horizontal="right" vertical="center" shrinkToFit="1"/>
    </xf>
    <xf numFmtId="185" fontId="14" fillId="2" borderId="3" xfId="3" applyNumberFormat="1" applyFont="1" applyFill="1" applyBorder="1" applyAlignment="1" applyProtection="1">
      <alignment horizontal="right" vertical="center" shrinkToFit="1"/>
    </xf>
    <xf numFmtId="0" fontId="34" fillId="2" borderId="0" xfId="3" applyNumberFormat="1" applyFont="1" applyFill="1" applyBorder="1" applyAlignment="1" applyProtection="1">
      <alignment horizontal="right" vertical="center"/>
    </xf>
    <xf numFmtId="0" fontId="1" fillId="2" borderId="0" xfId="3" applyNumberFormat="1" applyFont="1" applyFill="1" applyBorder="1" applyAlignment="1" applyProtection="1">
      <alignment horizontal="left" vertical="center"/>
    </xf>
    <xf numFmtId="0" fontId="34" fillId="2" borderId="0" xfId="3" applyNumberFormat="1" applyFont="1" applyFill="1" applyBorder="1" applyAlignment="1" applyProtection="1">
      <alignment horizontal="left" vertical="center"/>
    </xf>
    <xf numFmtId="0" fontId="34" fillId="2" borderId="0" xfId="3" applyNumberFormat="1" applyFont="1" applyFill="1" applyBorder="1" applyAlignment="1" applyProtection="1">
      <alignment horizontal="left" vertical="center"/>
    </xf>
    <xf numFmtId="0" fontId="34" fillId="2" borderId="0" xfId="3" applyNumberFormat="1" applyFont="1" applyFill="1" applyBorder="1" applyAlignment="1" applyProtection="1">
      <alignment horizontal="center" vertical="center"/>
    </xf>
    <xf numFmtId="0" fontId="3" fillId="0" borderId="0" xfId="3" applyNumberFormat="1" applyFont="1" applyFill="1" applyBorder="1" applyAlignment="1" applyProtection="1">
      <alignment vertical="center"/>
    </xf>
    <xf numFmtId="0" fontId="1" fillId="2" borderId="0" xfId="3" applyNumberFormat="1" applyFont="1" applyFill="1" applyBorder="1" applyAlignment="1" applyProtection="1">
      <alignment horizontal="center" vertical="center"/>
    </xf>
    <xf numFmtId="0" fontId="35" fillId="2" borderId="0" xfId="3" applyNumberFormat="1" applyFont="1" applyFill="1" applyBorder="1" applyAlignment="1" applyProtection="1">
      <alignment vertical="center"/>
    </xf>
    <xf numFmtId="49" fontId="12" fillId="2" borderId="1" xfId="3" applyNumberFormat="1" applyFont="1" applyFill="1" applyBorder="1" applyAlignment="1" applyProtection="1">
      <alignment horizontal="center" vertical="center" wrapText="1"/>
    </xf>
    <xf numFmtId="49" fontId="14" fillId="0" borderId="1" xfId="3" applyNumberFormat="1" applyFont="1" applyFill="1" applyBorder="1" applyAlignment="1" applyProtection="1">
      <alignment horizontal="center" vertical="center" wrapText="1"/>
    </xf>
    <xf numFmtId="49" fontId="12" fillId="0" borderId="1" xfId="3" applyNumberFormat="1" applyFont="1" applyFill="1" applyBorder="1" applyAlignment="1" applyProtection="1">
      <alignment horizontal="center" vertical="center" wrapText="1"/>
    </xf>
    <xf numFmtId="0" fontId="2" fillId="0" borderId="0" xfId="3" applyNumberFormat="1" applyFont="1" applyFill="1" applyBorder="1" applyAlignment="1" applyProtection="1">
      <alignment horizontal="left" vertical="center" wrapText="1"/>
    </xf>
    <xf numFmtId="0" fontId="36" fillId="0" borderId="0" xfId="3" applyNumberFormat="1" applyFont="1" applyFill="1" applyBorder="1" applyAlignment="1" applyProtection="1">
      <alignment vertical="center"/>
    </xf>
    <xf numFmtId="0" fontId="12" fillId="3" borderId="1" xfId="3" applyNumberFormat="1" applyFont="1" applyFill="1" applyBorder="1" applyAlignment="1" applyProtection="1">
      <alignment horizontal="center" vertical="center"/>
    </xf>
    <xf numFmtId="0" fontId="16" fillId="2" borderId="0" xfId="1" applyNumberFormat="1" applyFont="1" applyFill="1" applyBorder="1" applyAlignment="1" applyProtection="1">
      <alignment vertical="center"/>
    </xf>
    <xf numFmtId="0" fontId="16" fillId="2" borderId="0" xfId="1" applyNumberFormat="1" applyFont="1" applyFill="1" applyBorder="1" applyAlignment="1" applyProtection="1">
      <alignment horizontal="left" vertical="center"/>
    </xf>
    <xf numFmtId="0" fontId="3" fillId="4" borderId="1"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vertical="center" wrapText="1"/>
    </xf>
    <xf numFmtId="0" fontId="3" fillId="4" borderId="13" xfId="3" applyNumberFormat="1" applyFont="1" applyFill="1" applyBorder="1" applyAlignment="1" applyProtection="1">
      <alignment horizontal="left" vertical="center" wrapText="1"/>
    </xf>
    <xf numFmtId="0" fontId="3" fillId="4" borderId="9" xfId="3" applyNumberFormat="1" applyFont="1" applyFill="1" applyBorder="1" applyAlignment="1" applyProtection="1">
      <alignment horizontal="left" vertical="center" wrapText="1"/>
    </xf>
    <xf numFmtId="0" fontId="3" fillId="4" borderId="10"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horizontal="left" vertical="center" wrapText="1"/>
    </xf>
    <xf numFmtId="0" fontId="3" fillId="4" borderId="0" xfId="3" applyNumberFormat="1" applyFont="1" applyFill="1" applyBorder="1" applyAlignment="1" applyProtection="1">
      <alignment horizontal="left" vertical="center" wrapText="1"/>
    </xf>
    <xf numFmtId="0" fontId="3" fillId="5" borderId="1" xfId="3" applyNumberFormat="1" applyFont="1" applyFill="1" applyBorder="1" applyAlignment="1" applyProtection="1">
      <alignment horizontal="left" vertical="top" wrapText="1"/>
    </xf>
    <xf numFmtId="0" fontId="3" fillId="2" borderId="0" xfId="3" applyNumberFormat="1" applyFont="1" applyFill="1" applyBorder="1" applyAlignment="1" applyProtection="1">
      <alignment horizontal="left" vertical="center"/>
    </xf>
    <xf numFmtId="0" fontId="12" fillId="5" borderId="1" xfId="3" applyNumberFormat="1" applyFont="1" applyFill="1" applyBorder="1" applyAlignment="1" applyProtection="1">
      <alignment horizontal="left" vertical="top" wrapText="1"/>
    </xf>
    <xf numFmtId="0" fontId="9" fillId="2" borderId="0" xfId="3" applyNumberFormat="1" applyFont="1" applyFill="1" applyBorder="1" applyAlignment="1" applyProtection="1">
      <alignment vertical="center"/>
    </xf>
    <xf numFmtId="0" fontId="12" fillId="5" borderId="9" xfId="3" applyNumberFormat="1" applyFont="1" applyFill="1" applyBorder="1" applyAlignment="1" applyProtection="1">
      <alignment vertical="top" wrapText="1"/>
    </xf>
    <xf numFmtId="0" fontId="31" fillId="2" borderId="5" xfId="3" applyNumberFormat="1" applyFont="1" applyFill="1" applyBorder="1" applyAlignment="1" applyProtection="1">
      <alignment horizontal="center" vertical="center" shrinkToFit="1"/>
    </xf>
    <xf numFmtId="179" fontId="14" fillId="2" borderId="5" xfId="3" applyNumberFormat="1" applyFont="1" applyFill="1" applyBorder="1" applyAlignment="1" applyProtection="1">
      <alignment horizontal="center" vertical="center"/>
    </xf>
    <xf numFmtId="0" fontId="3" fillId="2" borderId="0" xfId="3" applyNumberFormat="1" applyFont="1" applyFill="1" applyBorder="1" applyAlignment="1" applyProtection="1">
      <alignment horizontal="left" vertical="center"/>
    </xf>
    <xf numFmtId="0" fontId="16" fillId="0" borderId="0" xfId="1" applyNumberFormat="1" applyFont="1" applyFill="1" applyBorder="1" applyAlignment="1" applyProtection="1">
      <alignment vertical="center"/>
    </xf>
    <xf numFmtId="0" fontId="23" fillId="2" borderId="0" xfId="0" applyNumberFormat="1" applyFont="1" applyFill="1" applyBorder="1" applyAlignment="1" applyProtection="1">
      <alignment vertical="center"/>
    </xf>
    <xf numFmtId="0" fontId="3" fillId="5" borderId="12" xfId="3" applyNumberFormat="1" applyFont="1" applyFill="1" applyBorder="1" applyAlignment="1" applyProtection="1">
      <alignment horizontal="left" vertical="top" wrapText="1"/>
    </xf>
    <xf numFmtId="0" fontId="0" fillId="0" borderId="15" xfId="0" applyNumberFormat="1" applyFont="1" applyFill="1" applyBorder="1" applyAlignment="1" applyProtection="1">
      <alignment horizontal="left" vertical="top" wrapText="1"/>
    </xf>
    <xf numFmtId="0" fontId="0" fillId="0" borderId="2" xfId="0" applyNumberFormat="1" applyFont="1" applyFill="1" applyBorder="1" applyAlignment="1" applyProtection="1">
      <alignment horizontal="left" vertical="top" wrapText="1"/>
    </xf>
    <xf numFmtId="0" fontId="3" fillId="4" borderId="12" xfId="3" applyNumberFormat="1" applyFont="1" applyFill="1" applyBorder="1" applyAlignment="1" applyProtection="1">
      <alignment horizontal="center" vertical="center" wrapText="1"/>
    </xf>
    <xf numFmtId="0" fontId="0" fillId="0" borderId="15" xfId="0" applyNumberFormat="1" applyFont="1" applyFill="1" applyBorder="1" applyAlignment="1" applyProtection="1">
      <alignment horizontal="center" vertical="center" wrapText="1"/>
    </xf>
    <xf numFmtId="0" fontId="0" fillId="0" borderId="2" xfId="0" applyNumberFormat="1" applyFont="1" applyFill="1" applyBorder="1" applyAlignment="1" applyProtection="1">
      <alignment horizontal="center" vertical="center" wrapText="1"/>
    </xf>
    <xf numFmtId="0" fontId="3" fillId="4" borderId="1" xfId="3" applyNumberFormat="1" applyFont="1" applyFill="1" applyBorder="1" applyAlignment="1" applyProtection="1">
      <alignment horizontal="left" vertical="center" wrapText="1"/>
    </xf>
    <xf numFmtId="0" fontId="0" fillId="0" borderId="1" xfId="0" applyNumberFormat="1" applyFont="1" applyFill="1" applyBorder="1" applyAlignment="1" applyProtection="1">
      <alignment horizontal="left" vertical="center" wrapText="1"/>
    </xf>
    <xf numFmtId="0" fontId="3" fillId="4" borderId="3" xfId="3" applyNumberFormat="1" applyFont="1" applyFill="1" applyBorder="1" applyAlignment="1" applyProtection="1">
      <alignment horizontal="left" vertical="center" wrapText="1"/>
    </xf>
    <xf numFmtId="0" fontId="3" fillId="4" borderId="4" xfId="3" applyNumberFormat="1" applyFont="1" applyFill="1" applyBorder="1" applyAlignment="1" applyProtection="1">
      <alignment horizontal="left" vertical="center" wrapText="1"/>
    </xf>
    <xf numFmtId="0" fontId="3" fillId="4" borderId="5" xfId="3" applyNumberFormat="1" applyFont="1" applyFill="1" applyBorder="1" applyAlignment="1" applyProtection="1">
      <alignment horizontal="left" vertical="center" wrapText="1"/>
    </xf>
    <xf numFmtId="0" fontId="16" fillId="0" borderId="0" xfId="1" applyNumberFormat="1" applyFont="1" applyFill="1" applyBorder="1" applyAlignment="1" applyProtection="1">
      <alignment horizontal="left" vertical="center"/>
    </xf>
    <xf numFmtId="0" fontId="3" fillId="4" borderId="3" xfId="3" applyNumberFormat="1" applyFont="1" applyFill="1" applyBorder="1" applyAlignment="1" applyProtection="1">
      <alignment horizontal="left" vertical="center"/>
    </xf>
    <xf numFmtId="0" fontId="3" fillId="4" borderId="4" xfId="3" applyNumberFormat="1" applyFont="1" applyFill="1" applyBorder="1" applyAlignment="1" applyProtection="1">
      <alignment horizontal="left" vertical="center"/>
    </xf>
    <xf numFmtId="0" fontId="3" fillId="4" borderId="5" xfId="3" applyNumberFormat="1" applyFont="1" applyFill="1" applyBorder="1" applyAlignment="1" applyProtection="1">
      <alignment horizontal="left" vertical="center"/>
    </xf>
    <xf numFmtId="0" fontId="0" fillId="0" borderId="4" xfId="0" applyNumberFormat="1" applyFont="1" applyFill="1" applyBorder="1" applyAlignment="1" applyProtection="1">
      <alignment horizontal="left" vertical="center" wrapText="1"/>
    </xf>
    <xf numFmtId="0" fontId="0" fillId="0" borderId="5" xfId="0" applyNumberFormat="1" applyFont="1" applyFill="1" applyBorder="1" applyAlignment="1" applyProtection="1">
      <alignment horizontal="left" vertical="center" wrapText="1"/>
    </xf>
    <xf numFmtId="0" fontId="1" fillId="0" borderId="4" xfId="0" applyNumberFormat="1" applyFont="1" applyFill="1" applyBorder="1" applyAlignment="1" applyProtection="1">
      <alignment horizontal="left" vertical="center" wrapText="1"/>
    </xf>
    <xf numFmtId="0" fontId="1" fillId="0" borderId="5" xfId="0" applyNumberFormat="1" applyFont="1" applyFill="1" applyBorder="1" applyAlignment="1" applyProtection="1">
      <alignment horizontal="left" vertical="center" wrapText="1"/>
    </xf>
    <xf numFmtId="0" fontId="3" fillId="2" borderId="6" xfId="3" applyNumberFormat="1" applyFont="1" applyFill="1" applyBorder="1" applyAlignment="1" applyProtection="1">
      <alignment horizontal="left" vertical="center" wrapText="1"/>
    </xf>
    <xf numFmtId="0" fontId="1" fillId="0" borderId="6" xfId="0" applyNumberFormat="1" applyFont="1" applyFill="1" applyBorder="1" applyAlignment="1" applyProtection="1">
      <alignment horizontal="left" vertical="center"/>
    </xf>
    <xf numFmtId="0" fontId="1" fillId="0" borderId="1" xfId="0" applyNumberFormat="1" applyFont="1" applyFill="1" applyBorder="1" applyAlignment="1" applyProtection="1">
      <alignment horizontal="left" vertical="center" wrapText="1"/>
    </xf>
    <xf numFmtId="0" fontId="12" fillId="4" borderId="3" xfId="3" applyNumberFormat="1" applyFont="1" applyFill="1" applyBorder="1" applyAlignment="1" applyProtection="1">
      <alignment horizontal="left" vertical="center" wrapText="1"/>
    </xf>
    <xf numFmtId="0" fontId="12" fillId="4" borderId="4" xfId="3" applyNumberFormat="1" applyFont="1" applyFill="1" applyBorder="1" applyAlignment="1" applyProtection="1">
      <alignment horizontal="left" vertical="center" wrapText="1"/>
    </xf>
    <xf numFmtId="0" fontId="12" fillId="4" borderId="5" xfId="3" applyNumberFormat="1" applyFont="1" applyFill="1" applyBorder="1" applyAlignment="1" applyProtection="1">
      <alignment horizontal="left" vertical="center" wrapText="1"/>
    </xf>
    <xf numFmtId="0" fontId="3" fillId="4" borderId="7" xfId="3" applyNumberFormat="1" applyFont="1" applyFill="1" applyBorder="1" applyAlignment="1" applyProtection="1">
      <alignment horizontal="left" vertical="center" wrapText="1"/>
    </xf>
    <xf numFmtId="0" fontId="0" fillId="0" borderId="11" xfId="0" applyNumberFormat="1" applyFont="1" applyFill="1" applyBorder="1" applyAlignment="1" applyProtection="1">
      <alignment horizontal="left" vertical="center" wrapText="1"/>
    </xf>
    <xf numFmtId="0" fontId="0" fillId="0" borderId="8" xfId="0" applyNumberFormat="1" applyFont="1" applyFill="1" applyBorder="1" applyAlignment="1" applyProtection="1">
      <alignment horizontal="left" vertical="center" wrapText="1"/>
    </xf>
    <xf numFmtId="0" fontId="1" fillId="0" borderId="15" xfId="0" applyNumberFormat="1" applyFont="1" applyFill="1" applyBorder="1" applyAlignment="1" applyProtection="1">
      <alignment horizontal="left" vertical="top" wrapText="1"/>
    </xf>
    <xf numFmtId="0" fontId="1" fillId="0" borderId="2" xfId="0" applyNumberFormat="1" applyFont="1" applyFill="1" applyBorder="1" applyAlignment="1" applyProtection="1">
      <alignment horizontal="left" vertical="top" wrapText="1"/>
    </xf>
    <xf numFmtId="0" fontId="3" fillId="4" borderId="11" xfId="3" applyNumberFormat="1" applyFont="1" applyFill="1" applyBorder="1" applyAlignment="1" applyProtection="1">
      <alignment horizontal="left" vertical="center" wrapText="1"/>
    </xf>
    <xf numFmtId="0" fontId="3" fillId="4" borderId="9" xfId="3" applyNumberFormat="1" applyFont="1" applyFill="1" applyBorder="1" applyAlignment="1" applyProtection="1">
      <alignment vertical="center" wrapText="1"/>
    </xf>
    <xf numFmtId="0" fontId="3" fillId="4" borderId="6" xfId="3" applyNumberFormat="1" applyFont="1" applyFill="1" applyBorder="1" applyAlignment="1" applyProtection="1">
      <alignment vertical="center" wrapText="1"/>
    </xf>
    <xf numFmtId="0" fontId="3" fillId="4" borderId="3" xfId="3" applyNumberFormat="1" applyFont="1" applyFill="1" applyBorder="1" applyAlignment="1" applyProtection="1">
      <alignment vertical="center" wrapText="1"/>
    </xf>
    <xf numFmtId="0" fontId="3" fillId="4" borderId="5" xfId="3" applyNumberFormat="1" applyFont="1" applyFill="1" applyBorder="1" applyAlignment="1" applyProtection="1">
      <alignment vertical="center" wrapText="1"/>
    </xf>
    <xf numFmtId="0" fontId="3" fillId="4" borderId="8" xfId="3" applyNumberFormat="1" applyFont="1" applyFill="1" applyBorder="1" applyAlignment="1" applyProtection="1">
      <alignment horizontal="left" vertical="center" wrapText="1"/>
    </xf>
    <xf numFmtId="0" fontId="3" fillId="5" borderId="12" xfId="3" applyNumberFormat="1" applyFont="1" applyFill="1" applyBorder="1" applyAlignment="1" applyProtection="1">
      <alignment vertical="top" wrapText="1"/>
    </xf>
    <xf numFmtId="0" fontId="3" fillId="5" borderId="15" xfId="3" applyNumberFormat="1" applyFont="1" applyFill="1" applyBorder="1" applyAlignment="1" applyProtection="1">
      <alignment vertical="top" wrapText="1"/>
    </xf>
    <xf numFmtId="0" fontId="3" fillId="5" borderId="2" xfId="3" applyNumberFormat="1" applyFont="1" applyFill="1" applyBorder="1" applyAlignment="1" applyProtection="1">
      <alignment vertical="top" wrapText="1"/>
    </xf>
    <xf numFmtId="0" fontId="1" fillId="0" borderId="11" xfId="0" applyNumberFormat="1" applyFont="1" applyFill="1" applyBorder="1" applyAlignment="1" applyProtection="1">
      <alignment horizontal="left" vertical="center" wrapText="1"/>
    </xf>
    <xf numFmtId="0" fontId="1" fillId="0" borderId="8" xfId="0" applyNumberFormat="1" applyFont="1" applyFill="1" applyBorder="1" applyAlignment="1" applyProtection="1">
      <alignment horizontal="left" vertical="center" wrapText="1"/>
    </xf>
    <xf numFmtId="0" fontId="12" fillId="5" borderId="12" xfId="3" applyNumberFormat="1" applyFont="1" applyFill="1" applyBorder="1" applyAlignment="1" applyProtection="1">
      <alignment horizontal="left" vertical="top" wrapText="1"/>
    </xf>
    <xf numFmtId="0" fontId="14" fillId="0" borderId="2" xfId="0" applyNumberFormat="1" applyFont="1" applyFill="1" applyBorder="1" applyAlignment="1" applyProtection="1">
      <alignment horizontal="left" vertical="top" wrapText="1"/>
    </xf>
    <xf numFmtId="0" fontId="3" fillId="5" borderId="15" xfId="3" applyNumberFormat="1" applyFont="1" applyFill="1" applyBorder="1" applyAlignment="1" applyProtection="1">
      <alignment horizontal="left" vertical="top" wrapText="1"/>
    </xf>
    <xf numFmtId="0" fontId="3" fillId="5" borderId="2" xfId="3" applyNumberFormat="1" applyFont="1" applyFill="1" applyBorder="1" applyAlignment="1" applyProtection="1">
      <alignment horizontal="left" vertical="top" wrapText="1"/>
    </xf>
    <xf numFmtId="0" fontId="0" fillId="0" borderId="4" xfId="0" applyNumberFormat="1" applyFont="1" applyFill="1" applyBorder="1" applyAlignment="1" applyProtection="1">
      <alignment horizontal="left" vertical="center"/>
    </xf>
    <xf numFmtId="0" fontId="0" fillId="0" borderId="5" xfId="0" applyNumberFormat="1" applyFont="1" applyFill="1" applyBorder="1" applyAlignment="1" applyProtection="1">
      <alignment horizontal="left" vertical="center"/>
    </xf>
    <xf numFmtId="0" fontId="3" fillId="2" borderId="0" xfId="3" applyNumberFormat="1" applyFont="1" applyFill="1" applyBorder="1" applyAlignment="1" applyProtection="1">
      <alignment horizontal="left" vertical="center"/>
    </xf>
    <xf numFmtId="0" fontId="1" fillId="0" borderId="0" xfId="0" applyNumberFormat="1" applyFont="1" applyFill="1" applyBorder="1" applyAlignment="1" applyProtection="1">
      <alignment horizontal="left" vertical="center"/>
    </xf>
    <xf numFmtId="0" fontId="3" fillId="4" borderId="1" xfId="0" applyNumberFormat="1" applyFont="1" applyFill="1" applyBorder="1" applyAlignment="1" applyProtection="1">
      <alignment horizontal="left" vertical="center" wrapText="1"/>
    </xf>
    <xf numFmtId="0" fontId="1" fillId="4" borderId="7" xfId="3" applyNumberFormat="1" applyFont="1" applyFill="1" applyBorder="1" applyAlignment="1" applyProtection="1">
      <alignment horizontal="left" vertical="center" wrapText="1"/>
    </xf>
    <xf numFmtId="0" fontId="14" fillId="0" borderId="15" xfId="0" applyNumberFormat="1" applyFont="1" applyFill="1" applyBorder="1" applyAlignment="1" applyProtection="1">
      <alignment horizontal="left" vertical="top" wrapText="1"/>
    </xf>
    <xf numFmtId="0" fontId="1" fillId="4" borderId="13" xfId="3" applyNumberFormat="1" applyFont="1" applyFill="1" applyBorder="1" applyAlignment="1" applyProtection="1">
      <alignment horizontal="left" vertical="center" wrapText="1"/>
    </xf>
    <xf numFmtId="0" fontId="0" fillId="0" borderId="0" xfId="0" applyNumberFormat="1" applyFont="1" applyFill="1" applyBorder="1" applyAlignment="1" applyProtection="1">
      <alignment horizontal="left" vertical="center" wrapText="1"/>
    </xf>
    <xf numFmtId="0" fontId="0" fillId="0" borderId="14" xfId="0" applyNumberFormat="1" applyFont="1" applyFill="1" applyBorder="1" applyAlignment="1" applyProtection="1">
      <alignment horizontal="left" vertical="center" wrapText="1"/>
    </xf>
    <xf numFmtId="0" fontId="16" fillId="2" borderId="0" xfId="1" applyNumberFormat="1" applyFont="1" applyFill="1" applyBorder="1" applyAlignment="1" applyProtection="1">
      <alignment vertical="center"/>
    </xf>
    <xf numFmtId="0" fontId="1" fillId="4" borderId="1" xfId="0" applyNumberFormat="1" applyFont="1" applyFill="1" applyBorder="1" applyAlignment="1" applyProtection="1">
      <alignment horizontal="left" vertical="center" wrapText="1"/>
    </xf>
    <xf numFmtId="0" fontId="14" fillId="5" borderId="15" xfId="0" applyNumberFormat="1" applyFont="1" applyFill="1" applyBorder="1" applyAlignment="1" applyProtection="1">
      <alignment horizontal="left" vertical="top" wrapText="1"/>
    </xf>
    <xf numFmtId="0" fontId="14" fillId="5" borderId="2" xfId="0" applyNumberFormat="1" applyFont="1" applyFill="1" applyBorder="1" applyAlignment="1" applyProtection="1">
      <alignment horizontal="left" vertical="top" wrapText="1"/>
    </xf>
    <xf numFmtId="0" fontId="3" fillId="4" borderId="2" xfId="3" applyNumberFormat="1" applyFont="1" applyFill="1" applyBorder="1" applyAlignment="1" applyProtection="1">
      <alignment horizontal="center" vertical="center" wrapText="1"/>
    </xf>
    <xf numFmtId="0" fontId="3" fillId="4" borderId="1" xfId="3" applyNumberFormat="1" applyFont="1" applyFill="1" applyBorder="1" applyAlignment="1" applyProtection="1">
      <alignment horizontal="center" vertical="center" wrapText="1"/>
    </xf>
    <xf numFmtId="0" fontId="3" fillId="4" borderId="2" xfId="3" applyNumberFormat="1" applyFont="1" applyFill="1" applyBorder="1" applyAlignment="1" applyProtection="1">
      <alignment horizontal="left" vertical="center" wrapText="1"/>
    </xf>
    <xf numFmtId="0" fontId="0" fillId="4" borderId="2" xfId="0" applyNumberFormat="1" applyFont="1" applyFill="1" applyBorder="1" applyAlignment="1" applyProtection="1">
      <alignment horizontal="left" vertical="center" wrapText="1"/>
    </xf>
    <xf numFmtId="0" fontId="0" fillId="4" borderId="1" xfId="0" applyNumberFormat="1" applyFont="1" applyFill="1" applyBorder="1" applyAlignment="1" applyProtection="1">
      <alignment horizontal="left" vertical="center" wrapText="1"/>
    </xf>
    <xf numFmtId="0" fontId="3" fillId="4" borderId="12" xfId="3" applyNumberFormat="1" applyFont="1" applyFill="1" applyBorder="1" applyAlignment="1" applyProtection="1">
      <alignment horizontal="left" vertical="center" wrapText="1"/>
    </xf>
    <xf numFmtId="0" fontId="0" fillId="4" borderId="12" xfId="0" applyNumberFormat="1" applyFont="1" applyFill="1" applyBorder="1" applyAlignment="1" applyProtection="1">
      <alignment horizontal="left" vertical="center" wrapText="1"/>
    </xf>
    <xf numFmtId="0" fontId="1" fillId="4" borderId="3" xfId="3" applyNumberFormat="1" applyFont="1" applyFill="1" applyBorder="1" applyAlignment="1" applyProtection="1">
      <alignment horizontal="left" vertical="center" wrapText="1"/>
    </xf>
    <xf numFmtId="0" fontId="1" fillId="4" borderId="4" xfId="3" applyNumberFormat="1" applyFont="1" applyFill="1" applyBorder="1" applyAlignment="1" applyProtection="1">
      <alignment horizontal="left" vertical="center" wrapText="1"/>
    </xf>
    <xf numFmtId="0" fontId="1" fillId="4" borderId="5" xfId="3" applyNumberFormat="1" applyFont="1" applyFill="1" applyBorder="1" applyAlignment="1" applyProtection="1">
      <alignment horizontal="left" vertical="center" wrapText="1"/>
    </xf>
    <xf numFmtId="0" fontId="0" fillId="0" borderId="1" xfId="0" applyNumberFormat="1" applyFont="1" applyFill="1" applyBorder="1" applyAlignment="1" applyProtection="1">
      <alignment horizontal="center" vertical="center" wrapText="1"/>
    </xf>
    <xf numFmtId="0" fontId="0" fillId="0" borderId="12" xfId="0" applyNumberFormat="1" applyFont="1" applyFill="1" applyBorder="1" applyAlignment="1" applyProtection="1">
      <alignment horizontal="left" vertical="center" wrapText="1"/>
    </xf>
    <xf numFmtId="0" fontId="12" fillId="5" borderId="1" xfId="3" applyNumberFormat="1" applyFont="1" applyFill="1" applyBorder="1" applyAlignment="1" applyProtection="1">
      <alignment horizontal="left" vertical="top" wrapText="1"/>
    </xf>
    <xf numFmtId="0" fontId="1" fillId="4" borderId="2" xfId="3" applyNumberFormat="1" applyFont="1" applyFill="1" applyBorder="1" applyAlignment="1" applyProtection="1">
      <alignment horizontal="center" vertical="center" textRotation="255" wrapText="1"/>
    </xf>
    <xf numFmtId="0" fontId="1" fillId="4" borderId="12" xfId="3" applyNumberFormat="1" applyFont="1" applyFill="1" applyBorder="1" applyAlignment="1" applyProtection="1">
      <alignment horizontal="center" vertical="center" textRotation="255" wrapText="1"/>
    </xf>
    <xf numFmtId="0" fontId="3" fillId="4" borderId="13" xfId="3" applyNumberFormat="1" applyFont="1" applyFill="1" applyBorder="1" applyAlignment="1" applyProtection="1">
      <alignment horizontal="left" vertical="center" wrapText="1"/>
    </xf>
    <xf numFmtId="0" fontId="3" fillId="4" borderId="0" xfId="3" applyNumberFormat="1" applyFont="1" applyFill="1" applyBorder="1" applyAlignment="1" applyProtection="1">
      <alignment horizontal="left" vertical="center" wrapText="1"/>
    </xf>
    <xf numFmtId="0" fontId="3" fillId="4" borderId="14" xfId="3" applyNumberFormat="1" applyFont="1" applyFill="1" applyBorder="1" applyAlignment="1" applyProtection="1">
      <alignment horizontal="left" vertical="center" wrapText="1"/>
    </xf>
    <xf numFmtId="0" fontId="3" fillId="4" borderId="9" xfId="3" applyNumberFormat="1" applyFont="1" applyFill="1" applyBorder="1" applyAlignment="1" applyProtection="1">
      <alignment horizontal="left" vertical="center" wrapText="1"/>
    </xf>
    <xf numFmtId="0" fontId="3" fillId="4" borderId="6" xfId="3" applyNumberFormat="1" applyFont="1" applyFill="1" applyBorder="1" applyAlignment="1" applyProtection="1">
      <alignment horizontal="left" vertical="center" wrapText="1"/>
    </xf>
    <xf numFmtId="0" fontId="3" fillId="4" borderId="10" xfId="3" applyNumberFormat="1" applyFont="1" applyFill="1" applyBorder="1" applyAlignment="1" applyProtection="1">
      <alignment horizontal="left" vertical="center" wrapText="1"/>
    </xf>
    <xf numFmtId="0" fontId="0" fillId="0" borderId="13" xfId="0" applyNumberFormat="1" applyFont="1" applyFill="1" applyBorder="1" applyAlignment="1" applyProtection="1">
      <alignment horizontal="left" vertical="center" wrapText="1"/>
    </xf>
    <xf numFmtId="0" fontId="0" fillId="0" borderId="9" xfId="0" applyNumberFormat="1" applyFont="1" applyFill="1" applyBorder="1" applyAlignment="1" applyProtection="1">
      <alignment horizontal="left" vertical="center" wrapText="1"/>
    </xf>
    <xf numFmtId="0" fontId="0" fillId="0" borderId="10" xfId="0" applyNumberFormat="1" applyFont="1" applyFill="1" applyBorder="1" applyAlignment="1" applyProtection="1">
      <alignment horizontal="left" vertical="center" wrapText="1"/>
    </xf>
    <xf numFmtId="0" fontId="12" fillId="5" borderId="2" xfId="3" applyNumberFormat="1" applyFont="1" applyFill="1" applyBorder="1" applyAlignment="1" applyProtection="1">
      <alignment horizontal="left" vertical="top" wrapText="1"/>
    </xf>
    <xf numFmtId="0" fontId="3" fillId="4" borderId="1" xfId="3" applyNumberFormat="1" applyFont="1" applyFill="1" applyBorder="1" applyAlignment="1" applyProtection="1">
      <alignment horizontal="center" vertical="center" textRotation="255" shrinkToFit="1"/>
    </xf>
    <xf numFmtId="0" fontId="3" fillId="0" borderId="1" xfId="0" applyNumberFormat="1" applyFont="1" applyFill="1" applyBorder="1" applyAlignment="1" applyProtection="1">
      <alignment horizontal="center" vertical="center" textRotation="255" shrinkToFit="1"/>
    </xf>
    <xf numFmtId="0" fontId="0" fillId="0" borderId="2" xfId="0" applyNumberFormat="1" applyFont="1" applyFill="1" applyBorder="1" applyAlignment="1" applyProtection="1">
      <alignment horizontal="left" vertical="center" wrapText="1"/>
    </xf>
    <xf numFmtId="0" fontId="1" fillId="4" borderId="1" xfId="3" applyNumberFormat="1" applyFont="1" applyFill="1" applyBorder="1" applyAlignment="1" applyProtection="1">
      <alignment horizontal="left" vertical="center" wrapText="1"/>
    </xf>
    <xf numFmtId="178" fontId="3" fillId="5" borderId="7" xfId="3" applyNumberFormat="1" applyFont="1" applyFill="1" applyBorder="1" applyAlignment="1" applyProtection="1">
      <alignment horizontal="left" vertical="top" wrapText="1"/>
    </xf>
    <xf numFmtId="178" fontId="3" fillId="5" borderId="13" xfId="3" applyNumberFormat="1" applyFont="1" applyFill="1" applyBorder="1" applyAlignment="1" applyProtection="1">
      <alignment horizontal="left" vertical="top" wrapText="1"/>
    </xf>
    <xf numFmtId="178" fontId="3" fillId="5" borderId="9" xfId="3" applyNumberFormat="1" applyFont="1" applyFill="1" applyBorder="1" applyAlignment="1" applyProtection="1">
      <alignment horizontal="left" vertical="top" wrapText="1"/>
    </xf>
    <xf numFmtId="0" fontId="12" fillId="5" borderId="15" xfId="3" applyNumberFormat="1" applyFont="1" applyFill="1" applyBorder="1" applyAlignment="1" applyProtection="1">
      <alignment horizontal="left" vertical="top" wrapText="1"/>
    </xf>
    <xf numFmtId="0" fontId="3" fillId="4" borderId="13" xfId="3" applyNumberFormat="1" applyFont="1" applyFill="1" applyBorder="1" applyAlignment="1" applyProtection="1">
      <alignment horizontal="center" vertical="center" wrapText="1"/>
    </xf>
    <xf numFmtId="0" fontId="3" fillId="4" borderId="14" xfId="3" applyNumberFormat="1" applyFont="1" applyFill="1" applyBorder="1" applyAlignment="1" applyProtection="1">
      <alignment horizontal="center" vertical="center" wrapText="1"/>
    </xf>
    <xf numFmtId="0" fontId="3" fillId="4" borderId="9" xfId="3" applyNumberFormat="1" applyFont="1" applyFill="1" applyBorder="1" applyAlignment="1" applyProtection="1">
      <alignment horizontal="center" vertical="center" wrapText="1"/>
    </xf>
    <xf numFmtId="0" fontId="3" fillId="4" borderId="10" xfId="3" applyNumberFormat="1" applyFont="1" applyFill="1" applyBorder="1" applyAlignment="1" applyProtection="1">
      <alignment horizontal="center" vertical="center" wrapText="1"/>
    </xf>
    <xf numFmtId="0" fontId="16" fillId="0" borderId="0" xfId="1" applyNumberFormat="1" applyFont="1" applyFill="1" applyBorder="1" applyAlignment="1" applyProtection="1">
      <alignment vertical="center"/>
    </xf>
    <xf numFmtId="0" fontId="1" fillId="0" borderId="12" xfId="0" applyNumberFormat="1" applyFont="1" applyFill="1" applyBorder="1" applyAlignment="1" applyProtection="1">
      <alignment horizontal="left" vertical="center" wrapText="1"/>
    </xf>
    <xf numFmtId="0" fontId="18" fillId="2" borderId="0" xfId="3" applyNumberFormat="1" applyFont="1" applyFill="1" applyBorder="1" applyAlignment="1" applyProtection="1">
      <alignment horizontal="left" vertical="center" wrapText="1"/>
    </xf>
    <xf numFmtId="0" fontId="3" fillId="3" borderId="3" xfId="3" applyNumberFormat="1" applyFont="1" applyFill="1" applyBorder="1" applyAlignment="1" applyProtection="1">
      <alignment horizontal="center" vertical="center"/>
    </xf>
    <xf numFmtId="0" fontId="3" fillId="3" borderId="4" xfId="3" applyNumberFormat="1" applyFont="1" applyFill="1" applyBorder="1" applyAlignment="1" applyProtection="1">
      <alignment horizontal="center" vertical="center"/>
    </xf>
    <xf numFmtId="0" fontId="3" fillId="3" borderId="5" xfId="3" applyNumberFormat="1" applyFont="1" applyFill="1" applyBorder="1" applyAlignment="1" applyProtection="1">
      <alignment horizontal="center" vertical="center"/>
    </xf>
    <xf numFmtId="0" fontId="3" fillId="4" borderId="3" xfId="3" applyNumberFormat="1" applyFont="1" applyFill="1" applyBorder="1" applyAlignment="1" applyProtection="1">
      <alignment horizontal="center" vertical="center"/>
    </xf>
    <xf numFmtId="0" fontId="3" fillId="4" borderId="4" xfId="3" applyNumberFormat="1" applyFont="1" applyFill="1" applyBorder="1" applyAlignment="1" applyProtection="1">
      <alignment horizontal="center" vertical="center"/>
    </xf>
    <xf numFmtId="0" fontId="3" fillId="4" borderId="5" xfId="3" applyNumberFormat="1" applyFont="1" applyFill="1" applyBorder="1" applyAlignment="1" applyProtection="1">
      <alignment horizontal="center" vertical="center"/>
    </xf>
    <xf numFmtId="0" fontId="3" fillId="4" borderId="1" xfId="3" applyNumberFormat="1" applyFont="1" applyFill="1" applyBorder="1" applyAlignment="1" applyProtection="1">
      <alignment horizontal="center" vertical="center"/>
    </xf>
    <xf numFmtId="0" fontId="18" fillId="2" borderId="0" xfId="3" applyNumberFormat="1" applyFont="1" applyFill="1" applyBorder="1" applyAlignment="1" applyProtection="1">
      <alignment horizontal="left" vertical="top" wrapText="1"/>
    </xf>
    <xf numFmtId="0" fontId="3" fillId="3" borderId="1" xfId="3" applyNumberFormat="1" applyFont="1" applyFill="1" applyBorder="1" applyAlignment="1" applyProtection="1">
      <alignment horizontal="center" vertical="center"/>
    </xf>
    <xf numFmtId="0" fontId="16" fillId="2" borderId="0" xfId="1" applyNumberFormat="1" applyFont="1" applyFill="1" applyBorder="1" applyAlignment="1" applyProtection="1">
      <alignment horizontal="left" vertical="center"/>
    </xf>
    <xf numFmtId="0" fontId="9" fillId="2" borderId="0" xfId="3" applyNumberFormat="1" applyFont="1" applyFill="1" applyBorder="1" applyAlignment="1" applyProtection="1">
      <alignment horizontal="left" vertical="center"/>
    </xf>
    <xf numFmtId="0" fontId="0" fillId="4" borderId="4" xfId="0" applyNumberFormat="1" applyFont="1" applyFill="1" applyBorder="1" applyAlignment="1" applyProtection="1">
      <alignment horizontal="left" vertical="center" wrapText="1"/>
    </xf>
    <xf numFmtId="0" fontId="0" fillId="4" borderId="5" xfId="0" applyNumberFormat="1" applyFont="1" applyFill="1" applyBorder="1" applyAlignment="1" applyProtection="1">
      <alignment horizontal="left" vertical="center" wrapText="1"/>
    </xf>
    <xf numFmtId="0" fontId="12" fillId="4" borderId="7" xfId="3" applyNumberFormat="1" applyFont="1" applyFill="1" applyBorder="1" applyAlignment="1" applyProtection="1">
      <alignment horizontal="left" vertical="center" wrapText="1"/>
    </xf>
    <xf numFmtId="0" fontId="12" fillId="4" borderId="11" xfId="3" applyNumberFormat="1" applyFont="1" applyFill="1" applyBorder="1" applyAlignment="1" applyProtection="1">
      <alignment horizontal="left" vertical="center" wrapText="1"/>
    </xf>
    <xf numFmtId="0" fontId="12" fillId="4" borderId="8" xfId="3" applyNumberFormat="1" applyFont="1" applyFill="1" applyBorder="1" applyAlignment="1" applyProtection="1">
      <alignment horizontal="left" vertical="center" wrapText="1"/>
    </xf>
    <xf numFmtId="0" fontId="12" fillId="4" borderId="13" xfId="3" applyNumberFormat="1" applyFont="1" applyFill="1" applyBorder="1" applyAlignment="1" applyProtection="1">
      <alignment horizontal="left" vertical="center" wrapText="1"/>
    </xf>
    <xf numFmtId="0" fontId="12" fillId="4" borderId="0" xfId="3" applyNumberFormat="1" applyFont="1" applyFill="1" applyBorder="1" applyAlignment="1" applyProtection="1">
      <alignment horizontal="left" vertical="center" wrapText="1"/>
    </xf>
    <xf numFmtId="0" fontId="12" fillId="4" borderId="14" xfId="3" applyNumberFormat="1" applyFont="1" applyFill="1" applyBorder="1" applyAlignment="1" applyProtection="1">
      <alignment horizontal="left" vertical="center" wrapText="1"/>
    </xf>
    <xf numFmtId="0" fontId="12" fillId="4" borderId="9" xfId="3" applyNumberFormat="1" applyFont="1" applyFill="1" applyBorder="1" applyAlignment="1" applyProtection="1">
      <alignment horizontal="left" vertical="center" wrapText="1"/>
    </xf>
    <xf numFmtId="0" fontId="12" fillId="4" borderId="6" xfId="3" applyNumberFormat="1" applyFont="1" applyFill="1" applyBorder="1" applyAlignment="1" applyProtection="1">
      <alignment horizontal="left" vertical="center" wrapText="1"/>
    </xf>
    <xf numFmtId="0" fontId="12" fillId="4" borderId="10" xfId="3" applyNumberFormat="1" applyFont="1" applyFill="1" applyBorder="1" applyAlignment="1" applyProtection="1">
      <alignment horizontal="left" vertical="center" wrapText="1"/>
    </xf>
    <xf numFmtId="0" fontId="3" fillId="5" borderId="7" xfId="3" applyNumberFormat="1" applyFont="1" applyFill="1" applyBorder="1" applyAlignment="1" applyProtection="1">
      <alignment vertical="top" wrapText="1"/>
    </xf>
    <xf numFmtId="0" fontId="3" fillId="5" borderId="9" xfId="3" applyNumberFormat="1" applyFont="1" applyFill="1" applyBorder="1" applyAlignment="1" applyProtection="1">
      <alignment vertical="top" wrapText="1"/>
    </xf>
    <xf numFmtId="0" fontId="14" fillId="0" borderId="11" xfId="0" applyNumberFormat="1" applyFont="1" applyFill="1" applyBorder="1" applyAlignment="1" applyProtection="1">
      <alignment horizontal="left" vertical="center" wrapText="1"/>
    </xf>
    <xf numFmtId="0" fontId="14" fillId="0" borderId="8" xfId="0" applyNumberFormat="1" applyFont="1" applyFill="1" applyBorder="1" applyAlignment="1" applyProtection="1">
      <alignment horizontal="left" vertical="center" wrapText="1"/>
    </xf>
    <xf numFmtId="0" fontId="12" fillId="4" borderId="3" xfId="3" applyNumberFormat="1" applyFont="1" applyFill="1" applyBorder="1" applyAlignment="1" applyProtection="1">
      <alignment vertical="center" wrapText="1"/>
    </xf>
    <xf numFmtId="0" fontId="12" fillId="4" borderId="5" xfId="3" applyNumberFormat="1" applyFont="1" applyFill="1" applyBorder="1" applyAlignment="1" applyProtection="1">
      <alignment vertical="center" wrapText="1"/>
    </xf>
  </cellXfs>
  <cellStyles count="4">
    <cellStyle name="ハイパーリンク" xfId="1" builtinId="8"/>
    <cellStyle name="標準" xfId="0" builtinId="0"/>
    <cellStyle name="標準 2" xfId="2"/>
    <cellStyle name="標準 2 2" xfId="3"/>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 Id="rId9" Type="http://schemas.openxmlformats.org/officeDocument/2006/relationships/customXml" Target="../customXml/item3.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3"/>
  <sheetViews>
    <sheetView showGridLines="0" tabSelected="1" view="pageBreakPreview" topLeftCell="B118" zoomScale="90" zoomScaleNormal="85" zoomScaleSheetLayoutView="90" workbookViewId="0">
      <selection activeCell="I122" sqref="I122:I125"/>
    </sheetView>
  </sheetViews>
  <sheetFormatPr defaultColWidth="9" defaultRowHeight="17.25" x14ac:dyDescent="0.15"/>
  <cols>
    <col min="1" max="1" width="19.125" style="195" hidden="1" customWidth="1"/>
    <col min="2" max="2" width="2.125" style="9" customWidth="1"/>
    <col min="3" max="4" width="4.625" style="2" customWidth="1"/>
    <col min="5" max="5" width="4.625" style="3" customWidth="1"/>
    <col min="6" max="6" width="4.625" style="2" customWidth="1"/>
    <col min="7" max="7" width="22.375" style="2" customWidth="1"/>
    <col min="8" max="8" width="25.5" style="4" customWidth="1"/>
    <col min="9" max="9" width="56.125" style="4" customWidth="1"/>
    <col min="10" max="10" width="11.375" style="5" customWidth="1"/>
    <col min="11" max="11" width="3.875" style="6" customWidth="1"/>
    <col min="12" max="13" width="11.375" style="5" customWidth="1"/>
    <col min="14" max="15" width="11.375" style="8" customWidth="1"/>
    <col min="16" max="19" width="9" style="9" customWidth="1"/>
    <col min="20" max="16384" width="9" style="9"/>
  </cols>
  <sheetData>
    <row r="1" spans="1:15" x14ac:dyDescent="0.15">
      <c r="A1" s="176"/>
      <c r="B1" s="1"/>
      <c r="N1" s="7"/>
    </row>
    <row r="2" spans="1:15" x14ac:dyDescent="0.15">
      <c r="A2" s="176"/>
      <c r="B2" s="1"/>
    </row>
    <row r="3" spans="1:15" ht="18.75" x14ac:dyDescent="0.15">
      <c r="A3" s="176"/>
      <c r="B3" s="10" t="s">
        <v>0</v>
      </c>
      <c r="C3" s="189"/>
      <c r="D3" s="189"/>
      <c r="E3" s="189"/>
      <c r="F3" s="189"/>
      <c r="G3" s="189"/>
      <c r="H3" s="190"/>
      <c r="I3" s="12"/>
    </row>
    <row r="4" spans="1:15" x14ac:dyDescent="0.15">
      <c r="A4" s="176"/>
      <c r="B4" s="202" t="s">
        <v>1</v>
      </c>
      <c r="C4" s="191"/>
      <c r="D4" s="191"/>
      <c r="E4" s="191"/>
      <c r="F4" s="191"/>
      <c r="G4" s="191"/>
      <c r="H4" s="192"/>
      <c r="I4" s="15"/>
    </row>
    <row r="5" spans="1:15" x14ac:dyDescent="0.15">
      <c r="A5" s="176"/>
      <c r="B5" s="56"/>
      <c r="C5" s="244"/>
      <c r="D5" s="244"/>
      <c r="E5" s="244"/>
      <c r="F5" s="244"/>
      <c r="G5" s="16"/>
      <c r="H5" s="17"/>
      <c r="I5" s="17"/>
    </row>
    <row r="6" spans="1:15" x14ac:dyDescent="0.15">
      <c r="A6" s="176"/>
      <c r="B6" s="18"/>
    </row>
    <row r="7" spans="1:15" x14ac:dyDescent="0.15">
      <c r="A7" s="176"/>
      <c r="B7" s="18"/>
    </row>
    <row r="8" spans="1:15" s="22" customFormat="1" x14ac:dyDescent="0.15">
      <c r="A8" s="176"/>
      <c r="B8" s="19" t="s">
        <v>2</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58" t="s">
        <v>3</v>
      </c>
      <c r="J10" s="358"/>
      <c r="K10" s="358"/>
      <c r="L10" s="24" t="s">
        <v>4</v>
      </c>
      <c r="M10" s="5"/>
      <c r="N10" s="8"/>
      <c r="O10" s="8"/>
    </row>
    <row r="11" spans="1:15" s="22" customFormat="1" ht="17.25" customHeight="1" x14ac:dyDescent="0.15">
      <c r="A11" s="196" t="s">
        <v>5</v>
      </c>
      <c r="B11" s="18"/>
      <c r="C11" s="20"/>
      <c r="D11" s="20"/>
      <c r="E11" s="20"/>
      <c r="F11" s="20"/>
      <c r="G11" s="20"/>
      <c r="H11" s="21"/>
      <c r="I11" s="356" t="s">
        <v>6</v>
      </c>
      <c r="J11" s="356"/>
      <c r="K11" s="356"/>
      <c r="L11" s="25"/>
      <c r="M11" s="5"/>
      <c r="N11" s="8"/>
      <c r="O11" s="8"/>
    </row>
    <row r="12" spans="1:15" s="22" customFormat="1" x14ac:dyDescent="0.15">
      <c r="A12" s="196" t="s">
        <v>5</v>
      </c>
      <c r="B12" s="26"/>
      <c r="C12" s="20"/>
      <c r="D12" s="20"/>
      <c r="E12" s="20"/>
      <c r="F12" s="20"/>
      <c r="G12" s="20"/>
      <c r="H12" s="21"/>
      <c r="I12" s="356" t="s">
        <v>7</v>
      </c>
      <c r="J12" s="356"/>
      <c r="K12" s="356"/>
      <c r="L12" s="27"/>
      <c r="M12" s="5"/>
      <c r="N12" s="8"/>
      <c r="O12" s="8"/>
    </row>
    <row r="13" spans="1:15" s="22" customFormat="1" x14ac:dyDescent="0.15">
      <c r="A13" s="196" t="s">
        <v>5</v>
      </c>
      <c r="B13" s="26"/>
      <c r="C13" s="20"/>
      <c r="D13" s="20"/>
      <c r="E13" s="20"/>
      <c r="F13" s="20"/>
      <c r="G13" s="20"/>
      <c r="H13" s="21"/>
      <c r="I13" s="356" t="s">
        <v>8</v>
      </c>
      <c r="J13" s="356"/>
      <c r="K13" s="356"/>
      <c r="L13" s="30"/>
      <c r="M13" s="5"/>
      <c r="N13" s="8"/>
      <c r="O13" s="8"/>
    </row>
    <row r="14" spans="1:15" s="22" customFormat="1" x14ac:dyDescent="0.15">
      <c r="A14" s="196" t="s">
        <v>5</v>
      </c>
      <c r="B14" s="18"/>
      <c r="C14" s="20"/>
      <c r="D14" s="20"/>
      <c r="E14" s="20"/>
      <c r="F14" s="20"/>
      <c r="G14" s="20"/>
      <c r="H14" s="21"/>
      <c r="I14" s="356" t="s">
        <v>9</v>
      </c>
      <c r="J14" s="356"/>
      <c r="K14" s="356"/>
      <c r="L14" s="29"/>
      <c r="M14" s="5"/>
      <c r="N14" s="8"/>
      <c r="O14" s="8"/>
    </row>
    <row r="15" spans="1:15" s="22" customFormat="1" x14ac:dyDescent="0.15">
      <c r="A15" s="196" t="s">
        <v>5</v>
      </c>
      <c r="B15" s="18"/>
      <c r="C15" s="20"/>
      <c r="D15" s="20"/>
      <c r="E15" s="20"/>
      <c r="F15" s="20"/>
      <c r="G15" s="20"/>
      <c r="H15" s="21"/>
      <c r="I15" s="356" t="s">
        <v>10</v>
      </c>
      <c r="J15" s="356"/>
      <c r="K15" s="356"/>
      <c r="L15" s="30" t="s">
        <v>11</v>
      </c>
      <c r="M15" s="5"/>
      <c r="N15" s="8"/>
      <c r="O15" s="8"/>
    </row>
    <row r="16" spans="1:15" s="22" customFormat="1" x14ac:dyDescent="0.15">
      <c r="A16" s="196" t="s">
        <v>5</v>
      </c>
      <c r="B16" s="18"/>
      <c r="C16" s="20"/>
      <c r="D16" s="20"/>
      <c r="E16" s="20"/>
      <c r="F16" s="20"/>
      <c r="G16" s="20"/>
      <c r="H16" s="21"/>
      <c r="I16" s="356" t="s">
        <v>12</v>
      </c>
      <c r="J16" s="356"/>
      <c r="K16" s="356"/>
      <c r="L16" s="30"/>
      <c r="M16" s="5"/>
      <c r="N16" s="8"/>
      <c r="O16" s="8"/>
    </row>
    <row r="17" spans="1:15" s="22" customFormat="1" x14ac:dyDescent="0.15">
      <c r="A17" s="196" t="s">
        <v>5</v>
      </c>
      <c r="B17" s="18"/>
      <c r="C17" s="20"/>
      <c r="D17" s="20"/>
      <c r="E17" s="20"/>
      <c r="F17" s="20"/>
      <c r="G17" s="20"/>
      <c r="H17" s="21"/>
      <c r="I17" s="356" t="s">
        <v>13</v>
      </c>
      <c r="J17" s="356"/>
      <c r="K17" s="356"/>
      <c r="L17" s="30"/>
      <c r="M17" s="5"/>
      <c r="N17" s="8"/>
      <c r="O17" s="8"/>
    </row>
    <row r="18" spans="1:15" s="22" customFormat="1" x14ac:dyDescent="0.15">
      <c r="A18" s="176"/>
      <c r="B18" s="18"/>
      <c r="C18" s="2"/>
      <c r="D18" s="2"/>
      <c r="E18" s="3"/>
      <c r="F18" s="2"/>
      <c r="G18" s="31"/>
      <c r="H18" s="4"/>
      <c r="I18" s="4"/>
      <c r="J18" s="5"/>
      <c r="K18" s="6"/>
      <c r="L18" s="201"/>
      <c r="M18" s="5"/>
      <c r="N18" s="8"/>
      <c r="O18" s="8"/>
    </row>
    <row r="19" spans="1:15" x14ac:dyDescent="0.15">
      <c r="A19" s="176"/>
      <c r="B19" s="18"/>
    </row>
    <row r="20" spans="1:15" s="22" customFormat="1" x14ac:dyDescent="0.15">
      <c r="A20" s="176"/>
      <c r="B20" s="19" t="s">
        <v>14</v>
      </c>
      <c r="C20" s="20"/>
      <c r="D20" s="20"/>
      <c r="E20" s="20"/>
      <c r="F20" s="20"/>
      <c r="G20" s="20"/>
      <c r="H20" s="21"/>
      <c r="I20" s="21"/>
      <c r="J20" s="5"/>
      <c r="K20" s="6"/>
      <c r="L20" s="5"/>
      <c r="M20" s="5"/>
      <c r="N20" s="8"/>
      <c r="O20" s="8"/>
    </row>
    <row r="21" spans="1:15" s="22" customFormat="1" x14ac:dyDescent="0.15">
      <c r="A21" s="176"/>
      <c r="B21" s="19"/>
      <c r="C21" s="20"/>
      <c r="D21" s="20"/>
      <c r="E21" s="20"/>
      <c r="F21" s="20"/>
      <c r="G21" s="20"/>
      <c r="H21" s="21"/>
      <c r="I21" s="21"/>
      <c r="J21" s="5"/>
      <c r="K21" s="6"/>
      <c r="L21" s="5"/>
      <c r="M21" s="5"/>
      <c r="N21" s="8"/>
      <c r="O21" s="8"/>
    </row>
    <row r="22" spans="1:15" s="22" customFormat="1" x14ac:dyDescent="0.15">
      <c r="A22" s="176"/>
      <c r="B22" s="23"/>
      <c r="C22" s="20"/>
      <c r="D22" s="20"/>
      <c r="E22" s="20"/>
      <c r="F22" s="20"/>
      <c r="G22" s="20"/>
      <c r="H22" s="21"/>
      <c r="I22" s="350" t="s">
        <v>3</v>
      </c>
      <c r="J22" s="351"/>
      <c r="K22" s="352"/>
      <c r="L22" s="24" t="s">
        <v>4</v>
      </c>
      <c r="M22" s="5"/>
      <c r="N22" s="8"/>
      <c r="O22" s="8"/>
    </row>
    <row r="23" spans="1:15" s="22" customFormat="1" x14ac:dyDescent="0.15">
      <c r="A23" s="196" t="s">
        <v>15</v>
      </c>
      <c r="B23" s="18"/>
      <c r="C23" s="20"/>
      <c r="D23" s="20"/>
      <c r="E23" s="20"/>
      <c r="F23" s="20"/>
      <c r="G23" s="20"/>
      <c r="H23" s="21"/>
      <c r="I23" s="353" t="s">
        <v>6</v>
      </c>
      <c r="J23" s="354"/>
      <c r="K23" s="355"/>
      <c r="L23" s="25"/>
      <c r="M23" s="5"/>
      <c r="N23" s="8"/>
      <c r="O23" s="8"/>
    </row>
    <row r="24" spans="1:15" s="22" customFormat="1" x14ac:dyDescent="0.15">
      <c r="A24" s="196" t="s">
        <v>15</v>
      </c>
      <c r="B24" s="26"/>
      <c r="C24" s="20"/>
      <c r="D24" s="20"/>
      <c r="E24" s="20"/>
      <c r="F24" s="20"/>
      <c r="G24" s="20"/>
      <c r="H24" s="21"/>
      <c r="I24" s="353" t="s">
        <v>7</v>
      </c>
      <c r="J24" s="354"/>
      <c r="K24" s="355"/>
      <c r="L24" s="27"/>
      <c r="M24" s="5"/>
      <c r="N24" s="8"/>
      <c r="O24" s="8"/>
    </row>
    <row r="25" spans="1:15" s="22" customFormat="1" x14ac:dyDescent="0.15">
      <c r="A25" s="196" t="s">
        <v>15</v>
      </c>
      <c r="B25" s="26"/>
      <c r="C25" s="20"/>
      <c r="D25" s="20"/>
      <c r="E25" s="20"/>
      <c r="F25" s="20"/>
      <c r="G25" s="20"/>
      <c r="H25" s="21"/>
      <c r="I25" s="353" t="s">
        <v>8</v>
      </c>
      <c r="J25" s="354"/>
      <c r="K25" s="355"/>
      <c r="L25" s="30"/>
      <c r="M25" s="5"/>
      <c r="N25" s="8"/>
      <c r="O25" s="8"/>
    </row>
    <row r="26" spans="1:15" s="22" customFormat="1" x14ac:dyDescent="0.15">
      <c r="A26" s="196" t="s">
        <v>15</v>
      </c>
      <c r="B26" s="18"/>
      <c r="C26" s="20"/>
      <c r="D26" s="20"/>
      <c r="E26" s="20"/>
      <c r="F26" s="20"/>
      <c r="G26" s="20"/>
      <c r="H26" s="21"/>
      <c r="I26" s="353" t="s">
        <v>9</v>
      </c>
      <c r="J26" s="354"/>
      <c r="K26" s="355"/>
      <c r="L26" s="29"/>
      <c r="M26" s="5"/>
      <c r="N26" s="8"/>
      <c r="O26" s="8"/>
    </row>
    <row r="27" spans="1:15" s="22" customFormat="1" x14ac:dyDescent="0.15">
      <c r="A27" s="196" t="s">
        <v>15</v>
      </c>
      <c r="B27" s="18"/>
      <c r="C27" s="20"/>
      <c r="D27" s="20"/>
      <c r="E27" s="20"/>
      <c r="F27" s="20"/>
      <c r="G27" s="20"/>
      <c r="H27" s="21"/>
      <c r="I27" s="353" t="s">
        <v>16</v>
      </c>
      <c r="J27" s="354"/>
      <c r="K27" s="355"/>
      <c r="L27" s="30" t="s">
        <v>11</v>
      </c>
      <c r="M27" s="7"/>
      <c r="N27" s="218"/>
      <c r="O27" s="8"/>
    </row>
    <row r="28" spans="1:15" s="22" customFormat="1" x14ac:dyDescent="0.15">
      <c r="A28" s="196" t="s">
        <v>15</v>
      </c>
      <c r="B28" s="18"/>
      <c r="C28" s="20"/>
      <c r="D28" s="20"/>
      <c r="E28" s="20"/>
      <c r="F28" s="20"/>
      <c r="G28" s="20"/>
      <c r="H28" s="21"/>
      <c r="I28" s="353" t="s">
        <v>17</v>
      </c>
      <c r="J28" s="354"/>
      <c r="K28" s="355"/>
      <c r="L28" s="30"/>
      <c r="M28" s="7"/>
      <c r="N28" s="218"/>
      <c r="O28" s="8"/>
    </row>
    <row r="29" spans="1:15" s="22" customFormat="1" x14ac:dyDescent="0.15">
      <c r="A29" s="196" t="s">
        <v>15</v>
      </c>
      <c r="B29" s="18"/>
      <c r="C29" s="20"/>
      <c r="D29" s="20"/>
      <c r="E29" s="20"/>
      <c r="F29" s="20"/>
      <c r="G29" s="20"/>
      <c r="H29" s="21"/>
      <c r="I29" s="353" t="s">
        <v>18</v>
      </c>
      <c r="J29" s="354"/>
      <c r="K29" s="355"/>
      <c r="L29" s="30"/>
      <c r="M29" s="7"/>
      <c r="N29" s="218"/>
      <c r="O29" s="8"/>
    </row>
    <row r="30" spans="1:15" s="22" customFormat="1" x14ac:dyDescent="0.15">
      <c r="A30" s="196" t="s">
        <v>15</v>
      </c>
      <c r="B30" s="18"/>
      <c r="C30" s="20"/>
      <c r="D30" s="20"/>
      <c r="E30" s="20"/>
      <c r="F30" s="20"/>
      <c r="G30" s="20"/>
      <c r="H30" s="21"/>
      <c r="I30" s="356" t="s">
        <v>13</v>
      </c>
      <c r="J30" s="356"/>
      <c r="K30" s="356"/>
      <c r="L30" s="30"/>
      <c r="M30" s="7"/>
      <c r="N30" s="221"/>
      <c r="O30" s="8"/>
    </row>
    <row r="31" spans="1:15" s="22" customFormat="1" x14ac:dyDescent="0.15">
      <c r="A31" s="176"/>
      <c r="B31" s="18"/>
      <c r="C31" s="2"/>
      <c r="D31" s="2"/>
      <c r="E31" s="3"/>
      <c r="F31" s="2"/>
      <c r="G31" s="33"/>
      <c r="H31" s="4"/>
      <c r="I31" s="4"/>
      <c r="J31" s="5"/>
      <c r="K31" s="6"/>
      <c r="L31" s="5"/>
      <c r="M31" s="5"/>
      <c r="N31" s="8"/>
      <c r="O31" s="8"/>
    </row>
    <row r="32" spans="1:15" s="22" customFormat="1" x14ac:dyDescent="0.15">
      <c r="A32" s="176"/>
      <c r="B32" s="18"/>
      <c r="C32" s="2"/>
      <c r="D32" s="2"/>
      <c r="E32" s="3"/>
      <c r="F32" s="2"/>
      <c r="H32" s="4"/>
      <c r="I32" s="4"/>
      <c r="J32" s="5"/>
      <c r="K32" s="6"/>
      <c r="L32" s="5"/>
      <c r="M32" s="5"/>
      <c r="N32" s="8"/>
      <c r="O32" s="8"/>
    </row>
    <row r="33" spans="1:18" s="22" customFormat="1" x14ac:dyDescent="0.15">
      <c r="A33" s="176"/>
      <c r="B33" s="19" t="s">
        <v>19</v>
      </c>
      <c r="C33" s="20"/>
      <c r="D33" s="20"/>
      <c r="E33" s="20"/>
      <c r="F33" s="20"/>
      <c r="G33" s="20"/>
      <c r="H33" s="21"/>
      <c r="I33" s="21"/>
      <c r="J33" s="5"/>
      <c r="K33" s="6"/>
      <c r="L33" s="5"/>
      <c r="M33" s="5"/>
      <c r="N33" s="8"/>
      <c r="O33" s="8"/>
    </row>
    <row r="34" spans="1:18" s="22" customFormat="1" x14ac:dyDescent="0.15">
      <c r="A34" s="176"/>
      <c r="B34" s="19"/>
      <c r="C34" s="20"/>
      <c r="D34" s="20"/>
      <c r="E34" s="20"/>
      <c r="F34" s="20"/>
      <c r="G34" s="20"/>
      <c r="H34" s="21"/>
      <c r="I34" s="21"/>
      <c r="J34" s="5"/>
      <c r="K34" s="6"/>
      <c r="L34" s="5"/>
      <c r="M34" s="5"/>
      <c r="N34" s="8"/>
      <c r="O34" s="8"/>
    </row>
    <row r="35" spans="1:18" s="22" customFormat="1" x14ac:dyDescent="0.15">
      <c r="A35" s="176"/>
      <c r="B35" s="23"/>
      <c r="C35" s="20"/>
      <c r="D35" s="20"/>
      <c r="E35" s="20"/>
      <c r="F35" s="20"/>
      <c r="G35" s="20"/>
      <c r="H35" s="21"/>
      <c r="I35" s="350" t="s">
        <v>20</v>
      </c>
      <c r="J35" s="351"/>
      <c r="K35" s="352"/>
      <c r="L35" s="24" t="s">
        <v>4</v>
      </c>
      <c r="M35" s="5"/>
      <c r="N35" s="8"/>
      <c r="O35" s="8"/>
    </row>
    <row r="36" spans="1:18" s="22" customFormat="1" ht="17.25" customHeight="1" x14ac:dyDescent="0.15">
      <c r="A36" s="196" t="s">
        <v>21</v>
      </c>
      <c r="B36" s="18"/>
      <c r="C36" s="20"/>
      <c r="D36" s="20"/>
      <c r="E36" s="20"/>
      <c r="F36" s="20"/>
      <c r="G36" s="20"/>
      <c r="H36" s="21"/>
      <c r="I36" s="353" t="s">
        <v>22</v>
      </c>
      <c r="J36" s="354"/>
      <c r="K36" s="355"/>
      <c r="L36" s="25"/>
      <c r="M36" s="5"/>
      <c r="N36" s="8"/>
      <c r="O36" s="8"/>
    </row>
    <row r="37" spans="1:18" s="22" customFormat="1" x14ac:dyDescent="0.15">
      <c r="A37" s="196" t="s">
        <v>21</v>
      </c>
      <c r="B37" s="26"/>
      <c r="C37" s="20"/>
      <c r="D37" s="20"/>
      <c r="E37" s="20"/>
      <c r="F37" s="20"/>
      <c r="G37" s="20"/>
      <c r="H37" s="21"/>
      <c r="I37" s="353" t="s">
        <v>23</v>
      </c>
      <c r="J37" s="354"/>
      <c r="K37" s="355"/>
      <c r="L37" s="27"/>
      <c r="M37" s="5"/>
      <c r="N37" s="8"/>
      <c r="O37" s="8"/>
    </row>
    <row r="38" spans="1:18" s="22" customFormat="1" x14ac:dyDescent="0.15">
      <c r="A38" s="196" t="s">
        <v>21</v>
      </c>
      <c r="B38" s="26"/>
      <c r="C38" s="20"/>
      <c r="D38" s="20"/>
      <c r="E38" s="20"/>
      <c r="F38" s="20"/>
      <c r="G38" s="20"/>
      <c r="H38" s="21"/>
      <c r="I38" s="353" t="s">
        <v>24</v>
      </c>
      <c r="J38" s="354"/>
      <c r="K38" s="355"/>
      <c r="L38" s="32"/>
      <c r="M38" s="5"/>
      <c r="N38" s="8"/>
      <c r="O38" s="8"/>
    </row>
    <row r="39" spans="1:18" s="22" customFormat="1" x14ac:dyDescent="0.15">
      <c r="A39" s="196" t="s">
        <v>21</v>
      </c>
      <c r="B39" s="18"/>
      <c r="C39" s="20"/>
      <c r="D39" s="20"/>
      <c r="E39" s="20"/>
      <c r="F39" s="20"/>
      <c r="G39" s="20"/>
      <c r="H39" s="21"/>
      <c r="I39" s="353" t="s">
        <v>25</v>
      </c>
      <c r="J39" s="354"/>
      <c r="K39" s="355"/>
      <c r="L39" s="27"/>
      <c r="M39" s="5"/>
      <c r="N39" s="8"/>
      <c r="O39" s="8"/>
    </row>
    <row r="40" spans="1:18" s="22" customFormat="1" x14ac:dyDescent="0.15">
      <c r="A40" s="223"/>
      <c r="B40" s="18"/>
      <c r="C40" s="2"/>
      <c r="D40" s="2"/>
      <c r="E40" s="3"/>
      <c r="F40" s="2"/>
      <c r="G40" s="31"/>
      <c r="H40" s="4"/>
      <c r="I40" s="4"/>
      <c r="J40" s="5"/>
      <c r="K40" s="224"/>
      <c r="L40" s="7"/>
      <c r="M40" s="7"/>
      <c r="N40" s="7"/>
      <c r="O40" s="7"/>
      <c r="P40" s="7"/>
      <c r="Q40" s="7"/>
      <c r="R40" s="9"/>
    </row>
    <row r="41" spans="1:18" x14ac:dyDescent="0.15">
      <c r="A41" s="223"/>
      <c r="B41" s="18"/>
      <c r="K41" s="224"/>
      <c r="L41" s="7"/>
      <c r="M41" s="7"/>
      <c r="N41" s="7"/>
      <c r="O41" s="7"/>
      <c r="P41" s="7"/>
      <c r="Q41" s="7"/>
    </row>
    <row r="42" spans="1:18" s="22" customFormat="1" x14ac:dyDescent="0.15">
      <c r="A42" s="223"/>
      <c r="B42" s="19" t="s">
        <v>26</v>
      </c>
      <c r="C42" s="20"/>
      <c r="D42" s="20"/>
      <c r="E42" s="20"/>
      <c r="F42" s="20"/>
      <c r="G42" s="20"/>
      <c r="H42" s="21"/>
      <c r="I42" s="21"/>
      <c r="J42" s="5"/>
      <c r="K42" s="224"/>
      <c r="L42" s="7"/>
      <c r="M42" s="7"/>
      <c r="N42" s="7"/>
      <c r="O42" s="7"/>
      <c r="P42" s="7"/>
      <c r="Q42" s="7"/>
      <c r="R42" s="9"/>
    </row>
    <row r="43" spans="1:18" s="22" customFormat="1" x14ac:dyDescent="0.15">
      <c r="A43" s="223"/>
      <c r="B43" s="19"/>
      <c r="C43" s="19"/>
      <c r="D43" s="19"/>
      <c r="E43" s="19"/>
      <c r="F43" s="19"/>
      <c r="G43" s="19"/>
      <c r="H43" s="15"/>
      <c r="I43" s="15"/>
      <c r="J43" s="5"/>
      <c r="K43" s="224"/>
      <c r="L43" s="225"/>
      <c r="M43" s="225"/>
      <c r="N43" s="225"/>
      <c r="O43" s="225"/>
      <c r="P43" s="225"/>
      <c r="Q43" s="225"/>
      <c r="R43" s="9"/>
    </row>
    <row r="44" spans="1:18" s="22" customFormat="1" x14ac:dyDescent="0.15">
      <c r="A44" s="223"/>
      <c r="B44" s="23"/>
      <c r="C44" s="20"/>
      <c r="D44" s="20"/>
      <c r="E44" s="20"/>
      <c r="F44" s="20"/>
      <c r="G44" s="20"/>
      <c r="H44" s="21"/>
      <c r="I44" s="350" t="s">
        <v>3</v>
      </c>
      <c r="J44" s="351"/>
      <c r="K44" s="352"/>
      <c r="L44" s="231" t="s">
        <v>4</v>
      </c>
    </row>
    <row r="45" spans="1:18" s="22" customFormat="1" ht="17.25" customHeight="1" x14ac:dyDescent="0.15">
      <c r="A45" s="196" t="s">
        <v>27</v>
      </c>
      <c r="B45" s="18"/>
      <c r="C45" s="20"/>
      <c r="D45" s="20"/>
      <c r="E45" s="20"/>
      <c r="F45" s="20"/>
      <c r="G45" s="20"/>
      <c r="H45" s="21"/>
      <c r="I45" s="353" t="s">
        <v>6</v>
      </c>
      <c r="J45" s="354"/>
      <c r="K45" s="355"/>
      <c r="L45" s="226"/>
    </row>
    <row r="46" spans="1:18" s="22" customFormat="1" ht="17.25" customHeight="1" x14ac:dyDescent="0.15">
      <c r="A46" s="196" t="s">
        <v>27</v>
      </c>
      <c r="B46" s="26"/>
      <c r="C46" s="20"/>
      <c r="D46" s="20"/>
      <c r="E46" s="20"/>
      <c r="F46" s="20"/>
      <c r="G46" s="20"/>
      <c r="H46" s="21"/>
      <c r="I46" s="353" t="s">
        <v>7</v>
      </c>
      <c r="J46" s="354"/>
      <c r="K46" s="355"/>
      <c r="L46" s="226"/>
    </row>
    <row r="47" spans="1:18" s="22" customFormat="1" ht="17.25" customHeight="1" x14ac:dyDescent="0.15">
      <c r="A47" s="196" t="s">
        <v>27</v>
      </c>
      <c r="B47" s="26"/>
      <c r="C47" s="20"/>
      <c r="D47" s="20"/>
      <c r="E47" s="20"/>
      <c r="F47" s="20"/>
      <c r="G47" s="20"/>
      <c r="H47" s="21"/>
      <c r="I47" s="353" t="s">
        <v>8</v>
      </c>
      <c r="J47" s="354"/>
      <c r="K47" s="355"/>
      <c r="L47" s="227"/>
    </row>
    <row r="48" spans="1:18" s="22" customFormat="1" ht="17.25" customHeight="1" x14ac:dyDescent="0.15">
      <c r="A48" s="196" t="s">
        <v>27</v>
      </c>
      <c r="B48" s="18"/>
      <c r="C48" s="20"/>
      <c r="D48" s="20"/>
      <c r="E48" s="20"/>
      <c r="F48" s="20"/>
      <c r="G48" s="20"/>
      <c r="H48" s="21"/>
      <c r="I48" s="353" t="s">
        <v>9</v>
      </c>
      <c r="J48" s="354"/>
      <c r="K48" s="355"/>
      <c r="L48" s="228"/>
    </row>
    <row r="49" spans="1:72" s="22" customFormat="1" ht="17.25" customHeight="1" x14ac:dyDescent="0.15">
      <c r="A49" s="196" t="s">
        <v>27</v>
      </c>
      <c r="B49" s="18"/>
      <c r="C49" s="20"/>
      <c r="D49" s="20"/>
      <c r="E49" s="20"/>
      <c r="F49" s="20"/>
      <c r="G49" s="20"/>
      <c r="H49" s="21"/>
      <c r="I49" s="353" t="s">
        <v>16</v>
      </c>
      <c r="J49" s="354"/>
      <c r="K49" s="355"/>
      <c r="L49" s="227"/>
    </row>
    <row r="50" spans="1:72" s="22" customFormat="1" ht="17.25" customHeight="1" x14ac:dyDescent="0.15">
      <c r="A50" s="196" t="s">
        <v>27</v>
      </c>
      <c r="B50" s="18"/>
      <c r="C50" s="20"/>
      <c r="D50" s="20"/>
      <c r="E50" s="20"/>
      <c r="F50" s="20"/>
      <c r="G50" s="20"/>
      <c r="H50" s="21"/>
      <c r="I50" s="353" t="s">
        <v>17</v>
      </c>
      <c r="J50" s="354"/>
      <c r="K50" s="355"/>
      <c r="L50" s="227"/>
    </row>
    <row r="51" spans="1:72" s="229" customFormat="1" ht="17.25" customHeight="1" x14ac:dyDescent="0.15">
      <c r="A51" s="196" t="s">
        <v>27</v>
      </c>
      <c r="B51" s="18"/>
      <c r="C51" s="20"/>
      <c r="D51" s="20"/>
      <c r="E51" s="20"/>
      <c r="F51" s="20"/>
      <c r="G51" s="20"/>
      <c r="H51" s="21"/>
      <c r="I51" s="353" t="s">
        <v>18</v>
      </c>
      <c r="J51" s="354"/>
      <c r="K51" s="355"/>
      <c r="L51" s="227"/>
    </row>
    <row r="52" spans="1:72" s="22" customFormat="1" ht="17.25" customHeight="1" x14ac:dyDescent="0.15">
      <c r="A52" s="196" t="s">
        <v>27</v>
      </c>
      <c r="B52" s="18"/>
      <c r="C52" s="20"/>
      <c r="D52" s="20"/>
      <c r="E52" s="20"/>
      <c r="F52" s="20"/>
      <c r="G52" s="20"/>
      <c r="H52" s="21"/>
      <c r="I52" s="356" t="s">
        <v>13</v>
      </c>
      <c r="J52" s="356"/>
      <c r="K52" s="356"/>
      <c r="L52" s="227" t="s">
        <v>11</v>
      </c>
    </row>
    <row r="53" spans="1:72" s="22" customFormat="1" ht="17.25" customHeight="1" x14ac:dyDescent="0.15">
      <c r="A53" s="196" t="s">
        <v>27</v>
      </c>
      <c r="B53" s="18"/>
      <c r="C53" s="20"/>
      <c r="D53" s="20"/>
      <c r="E53" s="20"/>
      <c r="F53" s="20"/>
      <c r="G53" s="20"/>
      <c r="H53" s="21"/>
      <c r="I53" s="356" t="s">
        <v>28</v>
      </c>
      <c r="J53" s="356"/>
      <c r="K53" s="356"/>
      <c r="L53" s="227" t="s">
        <v>29</v>
      </c>
    </row>
    <row r="54" spans="1:72" s="22" customFormat="1" x14ac:dyDescent="0.15">
      <c r="A54" s="223"/>
      <c r="B54" s="18"/>
      <c r="C54" s="2"/>
      <c r="D54" s="2"/>
      <c r="E54" s="3"/>
      <c r="F54" s="2"/>
      <c r="G54" s="35"/>
      <c r="H54" s="4"/>
      <c r="I54" s="4"/>
      <c r="J54" s="5"/>
      <c r="K54" s="224"/>
      <c r="L54" s="7"/>
      <c r="M54" s="7"/>
      <c r="N54" s="7"/>
      <c r="O54" s="7"/>
      <c r="P54" s="7"/>
      <c r="Q54" s="7"/>
      <c r="R54" s="9"/>
    </row>
    <row r="55" spans="1:72" s="22" customFormat="1" x14ac:dyDescent="0.15">
      <c r="A55" s="223"/>
      <c r="B55" s="18"/>
      <c r="C55" s="2"/>
      <c r="D55" s="2"/>
      <c r="E55" s="3"/>
      <c r="F55" s="2"/>
      <c r="G55" s="35"/>
      <c r="H55" s="4"/>
      <c r="I55" s="4"/>
      <c r="J55" s="5"/>
      <c r="K55" s="224"/>
      <c r="L55" s="7"/>
      <c r="M55" s="7"/>
      <c r="N55" s="7"/>
      <c r="O55" s="7"/>
      <c r="P55" s="7"/>
      <c r="Q55" s="7"/>
      <c r="R55" s="9"/>
    </row>
    <row r="56" spans="1:72" s="22" customFormat="1" x14ac:dyDescent="0.15">
      <c r="A56" s="176"/>
      <c r="B56" s="18"/>
      <c r="C56" s="2"/>
      <c r="D56" s="2"/>
      <c r="E56" s="3"/>
      <c r="F56" s="2"/>
      <c r="G56" s="35"/>
      <c r="H56" s="4"/>
      <c r="I56" s="4"/>
      <c r="J56" s="5"/>
      <c r="K56" s="6"/>
      <c r="L56" s="5"/>
      <c r="M56" s="5"/>
      <c r="N56" s="8"/>
      <c r="O56" s="8"/>
    </row>
    <row r="57" spans="1:72" s="22" customFormat="1" x14ac:dyDescent="0.15">
      <c r="A57" s="176"/>
      <c r="B57" s="18"/>
      <c r="C57" s="2"/>
      <c r="D57" s="2"/>
      <c r="E57" s="3"/>
      <c r="F57" s="2"/>
      <c r="G57" s="31"/>
      <c r="H57" s="4"/>
      <c r="I57" s="4"/>
      <c r="J57" s="5"/>
      <c r="K57" s="6"/>
      <c r="L57" s="5"/>
      <c r="M57" s="5"/>
      <c r="N57" s="8"/>
      <c r="O57" s="8"/>
    </row>
    <row r="58" spans="1:72" s="22" customFormat="1" x14ac:dyDescent="0.15">
      <c r="A58" s="176"/>
      <c r="B58" s="1"/>
      <c r="C58" s="36" t="s">
        <v>30</v>
      </c>
      <c r="D58" s="233"/>
      <c r="E58" s="233"/>
      <c r="F58" s="233"/>
      <c r="G58" s="233"/>
      <c r="H58" s="233"/>
      <c r="I58" s="4"/>
      <c r="J58" s="38"/>
      <c r="K58" s="39"/>
      <c r="L58" s="5"/>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ht="34.5" customHeight="1" x14ac:dyDescent="0.15">
      <c r="A59" s="176"/>
      <c r="B59" s="1"/>
      <c r="C59" s="40"/>
      <c r="D59" s="357" t="s">
        <v>31</v>
      </c>
      <c r="E59" s="357"/>
      <c r="F59" s="357"/>
      <c r="G59" s="357"/>
      <c r="H59" s="357"/>
      <c r="I59" s="357"/>
      <c r="J59" s="357"/>
      <c r="K59" s="357"/>
      <c r="L59" s="357"/>
      <c r="M59" s="41"/>
      <c r="N59" s="41"/>
      <c r="O59" s="41"/>
      <c r="P59" s="41"/>
      <c r="Q59" s="42"/>
      <c r="R59" s="42"/>
      <c r="S59" s="42"/>
      <c r="T59" s="42"/>
      <c r="U59" s="42"/>
      <c r="V59" s="42"/>
      <c r="W59" s="42"/>
      <c r="X59" s="42"/>
      <c r="Y59" s="42"/>
      <c r="Z59" s="42"/>
      <c r="AA59" s="42"/>
      <c r="AB59" s="42"/>
      <c r="AC59" s="42"/>
      <c r="AD59" s="42"/>
      <c r="AE59" s="42"/>
      <c r="AF59" s="42"/>
      <c r="AG59" s="42"/>
      <c r="AH59" s="42"/>
      <c r="AI59" s="42"/>
      <c r="AJ59" s="42"/>
      <c r="AK59" s="42"/>
      <c r="AL59" s="42"/>
      <c r="AM59" s="42"/>
      <c r="AN59" s="42"/>
      <c r="AO59" s="42"/>
      <c r="AP59" s="42"/>
      <c r="AQ59" s="42"/>
      <c r="AR59" s="42"/>
      <c r="AS59" s="42"/>
      <c r="AT59" s="42"/>
      <c r="AU59" s="42"/>
      <c r="AV59" s="42"/>
      <c r="AW59" s="42"/>
      <c r="AX59" s="42"/>
      <c r="AY59" s="42"/>
      <c r="AZ59" s="42"/>
      <c r="BA59" s="42"/>
      <c r="BB59" s="42"/>
      <c r="BC59" s="42"/>
      <c r="BD59" s="42"/>
      <c r="BE59" s="42"/>
      <c r="BF59" s="42"/>
      <c r="BG59" s="42"/>
      <c r="BH59" s="42"/>
      <c r="BI59" s="42"/>
      <c r="BJ59" s="42"/>
      <c r="BK59" s="42"/>
      <c r="BL59" s="42"/>
      <c r="BM59" s="42"/>
      <c r="BN59" s="42"/>
      <c r="BO59" s="42"/>
      <c r="BP59" s="42"/>
      <c r="BQ59" s="42"/>
      <c r="BR59" s="42"/>
      <c r="BS59" s="42"/>
      <c r="BT59" s="9"/>
    </row>
    <row r="60" spans="1:72" s="22" customFormat="1" ht="34.5" customHeight="1" x14ac:dyDescent="0.15">
      <c r="A60" s="176"/>
      <c r="B60" s="1"/>
      <c r="C60" s="43"/>
      <c r="D60" s="349" t="s">
        <v>32</v>
      </c>
      <c r="E60" s="349"/>
      <c r="F60" s="349"/>
      <c r="G60" s="349"/>
      <c r="H60" s="349"/>
      <c r="I60" s="349"/>
      <c r="J60" s="349"/>
      <c r="K60" s="349"/>
      <c r="L60" s="349"/>
      <c r="M60" s="41"/>
      <c r="N60" s="41"/>
      <c r="O60" s="41"/>
      <c r="P60" s="41"/>
      <c r="Q60" s="42"/>
      <c r="R60" s="42"/>
      <c r="S60" s="42"/>
      <c r="T60" s="42"/>
      <c r="U60" s="42"/>
      <c r="V60" s="42"/>
      <c r="W60" s="42"/>
      <c r="X60" s="42"/>
      <c r="Y60" s="42"/>
      <c r="Z60" s="42"/>
      <c r="AA60" s="42"/>
      <c r="AB60" s="42"/>
      <c r="AC60" s="42"/>
      <c r="AD60" s="42"/>
      <c r="AE60" s="42"/>
      <c r="AF60" s="42"/>
      <c r="AG60" s="42"/>
      <c r="AH60" s="42"/>
      <c r="AI60" s="42"/>
      <c r="AJ60" s="42"/>
      <c r="AK60" s="42"/>
      <c r="AL60" s="42"/>
      <c r="AM60" s="42"/>
      <c r="AN60" s="42"/>
      <c r="AO60" s="42"/>
      <c r="AP60" s="42"/>
      <c r="AQ60" s="42"/>
      <c r="AR60" s="42"/>
      <c r="AS60" s="42"/>
      <c r="AT60" s="42"/>
      <c r="AU60" s="42"/>
      <c r="AV60" s="42"/>
      <c r="AW60" s="42"/>
      <c r="AX60" s="42"/>
      <c r="AY60" s="42"/>
      <c r="AZ60" s="42"/>
      <c r="BA60" s="42"/>
      <c r="BB60" s="42"/>
      <c r="BC60" s="42"/>
      <c r="BD60" s="42"/>
      <c r="BE60" s="42"/>
      <c r="BF60" s="42"/>
      <c r="BG60" s="42"/>
      <c r="BH60" s="42"/>
      <c r="BI60" s="42"/>
      <c r="BJ60" s="42"/>
      <c r="BK60" s="42"/>
      <c r="BL60" s="42"/>
      <c r="BM60" s="42"/>
      <c r="BN60" s="42"/>
      <c r="BO60" s="42"/>
      <c r="BP60" s="42"/>
      <c r="BQ60" s="42"/>
      <c r="BR60" s="42"/>
      <c r="BS60" s="42"/>
      <c r="BT60" s="9"/>
    </row>
    <row r="61" spans="1:72" s="22" customFormat="1" ht="34.5" customHeight="1" x14ac:dyDescent="0.15">
      <c r="A61" s="176"/>
      <c r="B61" s="1"/>
      <c r="C61" s="43"/>
      <c r="D61" s="349" t="s">
        <v>33</v>
      </c>
      <c r="E61" s="349"/>
      <c r="F61" s="349"/>
      <c r="G61" s="349"/>
      <c r="H61" s="349"/>
      <c r="I61" s="349"/>
      <c r="J61" s="349"/>
      <c r="K61" s="349"/>
      <c r="L61" s="349"/>
      <c r="M61" s="41"/>
      <c r="N61" s="41"/>
      <c r="O61" s="41"/>
      <c r="P61" s="41"/>
      <c r="Q61" s="42"/>
      <c r="R61" s="42"/>
      <c r="S61" s="42"/>
      <c r="T61" s="42"/>
      <c r="U61" s="42"/>
      <c r="V61" s="42"/>
      <c r="W61" s="42"/>
      <c r="X61" s="42"/>
      <c r="Y61" s="42"/>
      <c r="Z61" s="42"/>
      <c r="AA61" s="42"/>
      <c r="AB61" s="42"/>
      <c r="AC61" s="42"/>
      <c r="AD61" s="42"/>
      <c r="AE61" s="42"/>
      <c r="AF61" s="42"/>
      <c r="AG61" s="42"/>
      <c r="AH61" s="42"/>
      <c r="AI61" s="42"/>
      <c r="AJ61" s="42"/>
      <c r="AK61" s="42"/>
      <c r="AL61" s="42"/>
      <c r="AM61" s="42"/>
      <c r="AN61" s="42"/>
      <c r="AO61" s="42"/>
      <c r="AP61" s="42"/>
      <c r="AQ61" s="42"/>
      <c r="AR61" s="42"/>
      <c r="AS61" s="42"/>
      <c r="AT61" s="42"/>
      <c r="AU61" s="42"/>
      <c r="AV61" s="42"/>
      <c r="AW61" s="42"/>
      <c r="AX61" s="42"/>
      <c r="AY61" s="42"/>
      <c r="AZ61" s="42"/>
      <c r="BA61" s="42"/>
      <c r="BB61" s="42"/>
      <c r="BC61" s="42"/>
      <c r="BD61" s="42"/>
      <c r="BE61" s="42"/>
      <c r="BF61" s="42"/>
      <c r="BG61" s="42"/>
      <c r="BH61" s="42"/>
      <c r="BI61" s="42"/>
      <c r="BJ61" s="42"/>
      <c r="BK61" s="42"/>
      <c r="BL61" s="42"/>
      <c r="BM61" s="42"/>
      <c r="BN61" s="42"/>
      <c r="BO61" s="42"/>
      <c r="BP61" s="42"/>
      <c r="BQ61" s="42"/>
      <c r="BR61" s="42"/>
      <c r="BS61" s="42"/>
      <c r="BT61" s="9"/>
    </row>
    <row r="62" spans="1:72" s="22" customFormat="1" ht="34.5" customHeight="1" x14ac:dyDescent="0.15">
      <c r="A62" s="176"/>
      <c r="B62" s="1"/>
      <c r="C62" s="43"/>
      <c r="D62" s="349" t="s">
        <v>34</v>
      </c>
      <c r="E62" s="349"/>
      <c r="F62" s="349"/>
      <c r="G62" s="349"/>
      <c r="H62" s="349"/>
      <c r="I62" s="349"/>
      <c r="J62" s="349"/>
      <c r="K62" s="349"/>
      <c r="L62" s="349"/>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49" t="s">
        <v>35</v>
      </c>
      <c r="E63" s="349"/>
      <c r="F63" s="349"/>
      <c r="G63" s="349"/>
      <c r="H63" s="349"/>
      <c r="I63" s="349"/>
      <c r="J63" s="349"/>
      <c r="K63" s="349"/>
      <c r="L63" s="349"/>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x14ac:dyDescent="0.15">
      <c r="A64" s="176"/>
      <c r="B64" s="19"/>
      <c r="C64" s="44"/>
      <c r="D64" s="44"/>
      <c r="E64" s="44"/>
      <c r="F64" s="44"/>
      <c r="G64" s="44"/>
      <c r="H64" s="21"/>
      <c r="I64" s="21"/>
      <c r="J64" s="5"/>
      <c r="K64" s="6"/>
      <c r="L64" s="5"/>
      <c r="M64" s="5"/>
      <c r="N64" s="8"/>
      <c r="O64" s="8"/>
      <c r="P64" s="8"/>
      <c r="BT64" s="9"/>
    </row>
    <row r="65" spans="1:72" s="50" customFormat="1" x14ac:dyDescent="0.15">
      <c r="A65" s="193"/>
      <c r="B65" s="13"/>
      <c r="C65" s="45" t="s">
        <v>36</v>
      </c>
      <c r="F65" s="44"/>
      <c r="G65" s="47"/>
      <c r="H65" s="21"/>
      <c r="I65" s="46" t="s">
        <v>37</v>
      </c>
      <c r="J65" s="44" t="s">
        <v>38</v>
      </c>
      <c r="K65" s="48"/>
      <c r="L65" s="49"/>
      <c r="M65" s="49"/>
      <c r="N65" s="49"/>
      <c r="O65" s="49"/>
      <c r="P65" s="49"/>
      <c r="R65" s="51"/>
      <c r="S65" s="51"/>
      <c r="T65" s="51"/>
      <c r="U65" s="51"/>
      <c r="W65" s="51"/>
      <c r="X65" s="51"/>
      <c r="Y65" s="51"/>
      <c r="Z65" s="51"/>
      <c r="AB65" s="51"/>
      <c r="AC65" s="51"/>
      <c r="AD65" s="51"/>
      <c r="AE65" s="51"/>
      <c r="AG65" s="51"/>
      <c r="AH65" s="51"/>
      <c r="AI65" s="51"/>
      <c r="AJ65" s="51"/>
      <c r="AL65" s="51"/>
      <c r="AM65" s="51"/>
      <c r="AN65" s="51"/>
      <c r="AO65" s="51"/>
      <c r="AQ65" s="51"/>
      <c r="AR65" s="51"/>
      <c r="AS65" s="51"/>
      <c r="AT65" s="51"/>
      <c r="AV65" s="51"/>
      <c r="AW65" s="51"/>
      <c r="AX65" s="51"/>
      <c r="AY65" s="51"/>
      <c r="AZ65" s="51"/>
      <c r="BA65" s="51"/>
      <c r="BB65" s="51"/>
      <c r="BC65" s="51"/>
      <c r="BD65" s="51"/>
      <c r="BE65" s="51"/>
      <c r="BF65" s="51"/>
      <c r="BG65" s="51"/>
      <c r="BH65" s="51"/>
      <c r="BI65" s="51"/>
      <c r="BJ65" s="51"/>
      <c r="BK65" s="51"/>
      <c r="BL65" s="51"/>
      <c r="BM65" s="51"/>
      <c r="BN65" s="51"/>
      <c r="BO65" s="51"/>
      <c r="BP65" s="51"/>
      <c r="BQ65" s="51"/>
      <c r="BR65" s="51"/>
      <c r="BS65" s="51"/>
      <c r="BT65" s="52"/>
    </row>
    <row r="66" spans="1:72" s="22" customFormat="1" x14ac:dyDescent="0.15">
      <c r="A66" s="176"/>
      <c r="B66" s="1"/>
      <c r="C66" s="232"/>
      <c r="D66" s="44"/>
      <c r="E66" s="44"/>
      <c r="F66" s="44"/>
      <c r="G66" s="44"/>
      <c r="H66" s="21"/>
      <c r="I66" s="233"/>
      <c r="J66" s="5"/>
      <c r="K66" s="6"/>
      <c r="L66" s="154"/>
      <c r="M66" s="154"/>
      <c r="N66" s="154"/>
      <c r="O66" s="154"/>
      <c r="P66" s="154"/>
      <c r="R66" s="54"/>
      <c r="S66" s="54"/>
      <c r="T66" s="54"/>
      <c r="U66" s="54"/>
      <c r="W66" s="54"/>
      <c r="X66" s="54"/>
      <c r="Y66" s="54"/>
      <c r="Z66" s="54"/>
      <c r="AB66" s="54"/>
      <c r="AC66" s="54"/>
      <c r="AD66" s="54"/>
      <c r="AE66" s="54"/>
      <c r="AG66" s="54"/>
      <c r="AH66" s="54"/>
      <c r="AI66" s="54"/>
      <c r="AJ66" s="54"/>
      <c r="AL66" s="54"/>
      <c r="AM66" s="54"/>
      <c r="AN66" s="54"/>
      <c r="AO66" s="54"/>
      <c r="AQ66" s="54"/>
      <c r="AR66" s="54"/>
      <c r="AS66" s="54"/>
      <c r="AT66" s="54"/>
      <c r="AV66" s="54"/>
      <c r="AW66" s="54"/>
      <c r="AX66" s="54"/>
      <c r="AY66" s="54"/>
      <c r="AZ66" s="54"/>
      <c r="BA66" s="54"/>
      <c r="BB66" s="54"/>
      <c r="BC66" s="54"/>
      <c r="BD66" s="54"/>
      <c r="BE66" s="54"/>
      <c r="BF66" s="54"/>
      <c r="BG66" s="54"/>
      <c r="BH66" s="54"/>
      <c r="BI66" s="54"/>
      <c r="BJ66" s="54"/>
      <c r="BK66" s="54"/>
      <c r="BL66" s="54"/>
      <c r="BM66" s="54"/>
      <c r="BN66" s="54"/>
      <c r="BO66" s="54"/>
      <c r="BP66" s="54"/>
      <c r="BQ66" s="54"/>
      <c r="BR66" s="54"/>
      <c r="BS66" s="54"/>
      <c r="BT66" s="9"/>
    </row>
    <row r="67" spans="1:72" s="22" customFormat="1" x14ac:dyDescent="0.15">
      <c r="A67" s="176"/>
      <c r="B67" s="1"/>
      <c r="C67" s="42"/>
      <c r="D67" s="42"/>
      <c r="E67" s="42"/>
      <c r="F67" s="42"/>
      <c r="G67" s="42"/>
      <c r="H67" s="42"/>
      <c r="I67" s="42"/>
      <c r="J67" s="42"/>
      <c r="K67" s="55"/>
      <c r="L67" s="42"/>
      <c r="M67" s="42"/>
      <c r="N67" s="42"/>
      <c r="O67" s="42"/>
      <c r="P67" s="42"/>
      <c r="Q67" s="42"/>
      <c r="R67" s="42"/>
      <c r="S67" s="42"/>
      <c r="T67" s="42"/>
      <c r="U67" s="42"/>
      <c r="V67" s="42"/>
      <c r="W67" s="42"/>
      <c r="X67" s="42"/>
      <c r="Y67" s="42"/>
      <c r="Z67" s="42"/>
      <c r="AA67" s="42"/>
      <c r="AB67" s="42"/>
      <c r="AC67" s="42"/>
      <c r="AD67" s="42"/>
      <c r="AE67" s="42"/>
      <c r="AF67" s="42"/>
      <c r="AG67" s="42"/>
      <c r="AH67" s="42"/>
      <c r="AI67" s="42"/>
      <c r="AJ67" s="42"/>
      <c r="AK67" s="42"/>
      <c r="AL67" s="42"/>
      <c r="AM67" s="42"/>
      <c r="AN67" s="42"/>
      <c r="AO67" s="42"/>
      <c r="AP67" s="42"/>
      <c r="AQ67" s="42"/>
      <c r="AR67" s="42"/>
      <c r="AS67" s="42"/>
      <c r="AT67" s="42"/>
      <c r="AU67" s="42"/>
      <c r="AV67" s="42"/>
      <c r="AW67" s="42"/>
      <c r="AX67" s="42"/>
      <c r="AY67" s="42"/>
      <c r="AZ67" s="42"/>
      <c r="BA67" s="42"/>
      <c r="BB67" s="42"/>
      <c r="BC67" s="42"/>
      <c r="BD67" s="42"/>
      <c r="BE67" s="42"/>
      <c r="BF67" s="42"/>
      <c r="BG67" s="42"/>
      <c r="BH67" s="42"/>
      <c r="BI67" s="42"/>
      <c r="BJ67" s="42"/>
      <c r="BK67" s="42"/>
      <c r="BL67" s="42"/>
      <c r="BM67" s="42"/>
      <c r="BN67" s="42"/>
      <c r="BO67" s="42"/>
      <c r="BP67" s="42"/>
      <c r="BQ67" s="42"/>
      <c r="BR67" s="42"/>
      <c r="BS67" s="42"/>
      <c r="BT67" s="9"/>
    </row>
    <row r="68" spans="1:72" s="22" customFormat="1" x14ac:dyDescent="0.15">
      <c r="A68" s="176"/>
      <c r="B68" s="1"/>
      <c r="C68" s="56"/>
      <c r="D68" s="44"/>
      <c r="E68" s="44"/>
      <c r="F68" s="44"/>
      <c r="G68" s="44"/>
      <c r="H68" s="21"/>
      <c r="I68" s="42"/>
      <c r="J68" s="42"/>
      <c r="K68" s="55"/>
      <c r="L68" s="42"/>
      <c r="M68" s="42"/>
      <c r="N68" s="42"/>
      <c r="O68" s="42"/>
      <c r="P68" s="42"/>
      <c r="R68" s="54"/>
      <c r="S68" s="54"/>
      <c r="T68" s="54"/>
      <c r="U68" s="54"/>
      <c r="W68" s="54"/>
      <c r="X68" s="54"/>
      <c r="Y68" s="54"/>
      <c r="Z68" s="54"/>
      <c r="AB68" s="54"/>
      <c r="AC68" s="54"/>
      <c r="AD68" s="54"/>
      <c r="AE68" s="54"/>
      <c r="AG68" s="54"/>
      <c r="AH68" s="54"/>
      <c r="AI68" s="54"/>
      <c r="AJ68" s="54"/>
      <c r="AL68" s="54"/>
      <c r="AM68" s="54"/>
      <c r="AN68" s="54"/>
      <c r="AO68" s="54"/>
      <c r="AQ68" s="54"/>
      <c r="AR68" s="54"/>
      <c r="AS68" s="54"/>
      <c r="AT68" s="54"/>
      <c r="AV68" s="54"/>
      <c r="AW68" s="54"/>
      <c r="AX68" s="54"/>
      <c r="AY68" s="54"/>
      <c r="AZ68" s="54"/>
      <c r="BA68" s="54"/>
      <c r="BB68" s="54"/>
      <c r="BC68" s="54"/>
      <c r="BD68" s="54"/>
      <c r="BE68" s="54"/>
      <c r="BF68" s="54"/>
      <c r="BG68" s="54"/>
      <c r="BH68" s="54"/>
      <c r="BI68" s="54"/>
      <c r="BJ68" s="54"/>
      <c r="BK68" s="54"/>
      <c r="BL68" s="54"/>
      <c r="BM68" s="54"/>
      <c r="BN68" s="54"/>
      <c r="BO68" s="54"/>
      <c r="BP68" s="54"/>
      <c r="BQ68" s="54"/>
      <c r="BR68" s="54"/>
      <c r="BS68" s="54"/>
      <c r="BT68" s="9"/>
    </row>
    <row r="69" spans="1:72" s="22" customFormat="1" x14ac:dyDescent="0.15">
      <c r="A69" s="176"/>
      <c r="B69" s="1"/>
      <c r="C69" s="56"/>
      <c r="D69" s="44"/>
      <c r="E69" s="44"/>
      <c r="F69" s="44"/>
      <c r="G69" s="44"/>
      <c r="H69" s="21"/>
      <c r="I69" s="42"/>
      <c r="J69" s="42"/>
      <c r="K69" s="55"/>
      <c r="L69" s="42"/>
      <c r="M69" s="42"/>
      <c r="N69" s="42"/>
      <c r="O69" s="56"/>
      <c r="P69" s="56"/>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347" t="s">
        <v>39</v>
      </c>
      <c r="D70" s="347"/>
      <c r="E70" s="347"/>
      <c r="F70" s="347"/>
      <c r="G70" s="347"/>
      <c r="H70" s="347"/>
      <c r="I70" s="249" t="s">
        <v>40</v>
      </c>
      <c r="J70" s="347" t="s">
        <v>41</v>
      </c>
      <c r="K70" s="347"/>
      <c r="L70" s="347"/>
      <c r="M70" s="347"/>
      <c r="N70" s="347"/>
      <c r="O70" s="347"/>
      <c r="P70" s="154"/>
      <c r="R70" s="54"/>
      <c r="S70" s="54"/>
      <c r="T70" s="54"/>
      <c r="U70" s="54"/>
      <c r="W70" s="54"/>
      <c r="X70" s="54"/>
      <c r="Y70" s="54"/>
      <c r="Z70" s="54"/>
      <c r="AB70" s="54"/>
      <c r="AC70" s="54"/>
      <c r="AD70" s="54"/>
      <c r="AE70" s="54"/>
      <c r="AG70" s="54"/>
      <c r="AH70" s="54"/>
      <c r="AI70" s="54"/>
      <c r="AJ70" s="54"/>
      <c r="AL70" s="54"/>
      <c r="AM70" s="54"/>
      <c r="AN70" s="54"/>
      <c r="AO70" s="54"/>
      <c r="AQ70" s="54"/>
      <c r="AR70" s="54"/>
      <c r="AS70" s="54"/>
      <c r="AT70" s="54"/>
      <c r="AV70" s="54"/>
      <c r="AW70" s="54"/>
      <c r="AX70" s="54"/>
      <c r="AY70" s="54"/>
      <c r="AZ70" s="54"/>
      <c r="BA70" s="54"/>
      <c r="BB70" s="54"/>
      <c r="BC70" s="54"/>
      <c r="BD70" s="54"/>
      <c r="BE70" s="54"/>
      <c r="BF70" s="54"/>
      <c r="BG70" s="54"/>
      <c r="BH70" s="54"/>
      <c r="BI70" s="54"/>
      <c r="BJ70" s="54"/>
      <c r="BK70" s="54"/>
      <c r="BL70" s="54"/>
      <c r="BM70" s="54"/>
      <c r="BN70" s="54"/>
      <c r="BO70" s="54"/>
      <c r="BP70" s="54"/>
      <c r="BQ70" s="54"/>
      <c r="BR70" s="54"/>
      <c r="BS70" s="54"/>
      <c r="BT70" s="9"/>
    </row>
    <row r="71" spans="1:72" s="22" customFormat="1" x14ac:dyDescent="0.15">
      <c r="A71" s="176"/>
      <c r="B71" s="1"/>
      <c r="C71" s="347" t="s">
        <v>42</v>
      </c>
      <c r="D71" s="347"/>
      <c r="E71" s="347"/>
      <c r="F71" s="347"/>
      <c r="G71" s="347"/>
      <c r="H71" s="347"/>
      <c r="I71" s="249" t="s">
        <v>43</v>
      </c>
      <c r="J71" s="347" t="s">
        <v>44</v>
      </c>
      <c r="K71" s="347"/>
      <c r="L71" s="347"/>
      <c r="M71" s="347"/>
      <c r="N71" s="347"/>
      <c r="O71" s="347"/>
      <c r="P71" s="56"/>
      <c r="R71" s="38"/>
      <c r="S71" s="38"/>
      <c r="T71" s="38"/>
      <c r="U71" s="38"/>
      <c r="W71" s="38"/>
      <c r="X71" s="38"/>
      <c r="Y71" s="38"/>
      <c r="Z71" s="38"/>
      <c r="AB71" s="38"/>
      <c r="AC71" s="38"/>
      <c r="AD71" s="38"/>
      <c r="AE71" s="38"/>
      <c r="AG71" s="38"/>
      <c r="AH71" s="38"/>
      <c r="AI71" s="38"/>
      <c r="AJ71" s="38"/>
      <c r="AL71" s="38"/>
      <c r="AM71" s="38"/>
      <c r="AN71" s="38"/>
      <c r="AO71" s="38"/>
      <c r="AQ71" s="38"/>
      <c r="AR71" s="38"/>
      <c r="AS71" s="38"/>
      <c r="AT71" s="38"/>
      <c r="AV71" s="38"/>
      <c r="AW71" s="38"/>
      <c r="AX71" s="38"/>
      <c r="AY71" s="38"/>
      <c r="AZ71" s="38"/>
      <c r="BA71" s="38"/>
      <c r="BB71" s="38"/>
      <c r="BC71" s="38"/>
      <c r="BD71" s="38"/>
      <c r="BE71" s="38"/>
      <c r="BF71" s="38"/>
      <c r="BG71" s="38"/>
      <c r="BH71" s="38"/>
      <c r="BI71" s="38"/>
      <c r="BJ71" s="38"/>
      <c r="BK71" s="38"/>
      <c r="BL71" s="38"/>
      <c r="BM71" s="38"/>
      <c r="BN71" s="38"/>
      <c r="BO71" s="38"/>
      <c r="BP71" s="38"/>
      <c r="BQ71" s="38"/>
      <c r="BR71" s="38"/>
      <c r="BS71" s="38"/>
      <c r="BT71" s="9"/>
    </row>
    <row r="72" spans="1:72" s="22" customFormat="1" x14ac:dyDescent="0.15">
      <c r="A72" s="176"/>
      <c r="B72" s="1"/>
      <c r="C72" s="347" t="s">
        <v>45</v>
      </c>
      <c r="D72" s="347"/>
      <c r="E72" s="347"/>
      <c r="F72" s="347"/>
      <c r="G72" s="347"/>
      <c r="H72" s="347"/>
      <c r="I72" s="249" t="s">
        <v>46</v>
      </c>
      <c r="J72" s="262" t="s">
        <v>47</v>
      </c>
      <c r="K72" s="262"/>
      <c r="L72" s="262"/>
      <c r="M72" s="262"/>
      <c r="N72" s="262"/>
      <c r="O72" s="262"/>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47" t="s">
        <v>48</v>
      </c>
      <c r="D73" s="347"/>
      <c r="E73" s="347"/>
      <c r="F73" s="347"/>
      <c r="G73" s="347"/>
      <c r="H73" s="347"/>
      <c r="I73" s="249" t="s">
        <v>49</v>
      </c>
      <c r="J73" s="262" t="s">
        <v>50</v>
      </c>
      <c r="K73" s="262"/>
      <c r="L73" s="262"/>
      <c r="M73" s="262"/>
      <c r="N73" s="262"/>
      <c r="O73" s="262"/>
      <c r="P73" s="56"/>
      <c r="R73" s="38"/>
      <c r="S73" s="38"/>
      <c r="T73" s="38"/>
      <c r="U73" s="38"/>
      <c r="W73" s="38"/>
      <c r="X73" s="38"/>
      <c r="Y73" s="38"/>
      <c r="Z73" s="38"/>
      <c r="AB73" s="38"/>
      <c r="AC73" s="38"/>
      <c r="AD73" s="38"/>
      <c r="AE73" s="38"/>
      <c r="AG73" s="38"/>
      <c r="AH73" s="38"/>
      <c r="AI73" s="38"/>
      <c r="AJ73" s="38"/>
      <c r="AL73" s="38"/>
      <c r="AM73" s="38"/>
      <c r="AN73" s="38"/>
      <c r="AO73" s="38"/>
      <c r="AQ73" s="38"/>
      <c r="AR73" s="38"/>
      <c r="AS73" s="38"/>
      <c r="AT73" s="38"/>
      <c r="AV73" s="38"/>
      <c r="AW73" s="38"/>
      <c r="AX73" s="38"/>
      <c r="AY73" s="38"/>
      <c r="AZ73" s="38"/>
      <c r="BA73" s="38"/>
      <c r="BB73" s="38"/>
      <c r="BC73" s="38"/>
      <c r="BD73" s="38"/>
      <c r="BE73" s="38"/>
      <c r="BF73" s="38"/>
      <c r="BG73" s="38"/>
      <c r="BH73" s="38"/>
      <c r="BI73" s="38"/>
      <c r="BJ73" s="38"/>
      <c r="BK73" s="38"/>
      <c r="BL73" s="38"/>
      <c r="BM73" s="38"/>
      <c r="BN73" s="38"/>
      <c r="BO73" s="38"/>
      <c r="BP73" s="38"/>
      <c r="BQ73" s="38"/>
      <c r="BR73" s="38"/>
      <c r="BS73" s="38"/>
      <c r="BT73" s="9"/>
    </row>
    <row r="74" spans="1:72" s="22" customFormat="1" x14ac:dyDescent="0.15">
      <c r="A74" s="176"/>
      <c r="B74" s="1"/>
      <c r="C74" s="262" t="s">
        <v>51</v>
      </c>
      <c r="D74" s="262"/>
      <c r="E74" s="262"/>
      <c r="F74" s="262"/>
      <c r="G74" s="262"/>
      <c r="H74" s="262"/>
      <c r="I74" s="249" t="s">
        <v>52</v>
      </c>
      <c r="J74" s="262" t="s">
        <v>53</v>
      </c>
      <c r="K74" s="262"/>
      <c r="L74" s="262"/>
      <c r="M74" s="262"/>
      <c r="N74" s="262"/>
      <c r="O74" s="26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262" t="s">
        <v>54</v>
      </c>
      <c r="D75" s="262"/>
      <c r="E75" s="262"/>
      <c r="F75" s="262"/>
      <c r="G75" s="262"/>
      <c r="H75" s="262"/>
      <c r="I75" s="58"/>
      <c r="J75" s="262" t="s">
        <v>55</v>
      </c>
      <c r="K75" s="262"/>
      <c r="L75" s="262"/>
      <c r="M75" s="262"/>
      <c r="N75" s="262"/>
      <c r="O75" s="262"/>
      <c r="P75" s="8"/>
      <c r="Q75" s="8"/>
      <c r="R75" s="8"/>
      <c r="S75" s="8"/>
      <c r="T75" s="8"/>
      <c r="U75" s="8"/>
      <c r="V75" s="8"/>
      <c r="W75" s="8"/>
      <c r="X75" s="8"/>
      <c r="Y75" s="8"/>
      <c r="Z75" s="8"/>
      <c r="AA75" s="8"/>
      <c r="AB75" s="8"/>
      <c r="AC75" s="8"/>
      <c r="AD75" s="8"/>
      <c r="AE75" s="8"/>
      <c r="AF75" s="8"/>
      <c r="AG75" s="8"/>
      <c r="AH75" s="8"/>
      <c r="AI75" s="8"/>
      <c r="AJ75" s="8"/>
      <c r="AK75" s="8"/>
      <c r="AL75" s="8"/>
      <c r="AM75" s="8"/>
      <c r="AN75" s="8"/>
      <c r="AO75" s="8"/>
      <c r="AP75" s="8"/>
      <c r="AQ75" s="8"/>
      <c r="AR75" s="8"/>
      <c r="AS75" s="8"/>
      <c r="AT75" s="8"/>
      <c r="AU75" s="8"/>
      <c r="AV75" s="8"/>
      <c r="AW75" s="8"/>
      <c r="AX75" s="8"/>
      <c r="AY75" s="8"/>
      <c r="AZ75" s="8"/>
      <c r="BA75" s="8"/>
      <c r="BB75" s="8"/>
      <c r="BC75" s="8"/>
      <c r="BD75" s="8"/>
      <c r="BE75" s="8"/>
      <c r="BF75" s="8"/>
      <c r="BG75" s="8"/>
      <c r="BH75" s="8"/>
      <c r="BI75" s="8"/>
      <c r="BJ75" s="8"/>
      <c r="BK75" s="8"/>
      <c r="BL75" s="8"/>
      <c r="BM75" s="8"/>
      <c r="BN75" s="8"/>
      <c r="BO75" s="8"/>
      <c r="BP75" s="8"/>
      <c r="BQ75" s="8"/>
      <c r="BR75" s="8"/>
      <c r="BS75" s="8"/>
      <c r="BT75" s="9"/>
    </row>
    <row r="76" spans="1:72" s="22" customFormat="1" x14ac:dyDescent="0.15">
      <c r="A76" s="176"/>
      <c r="B76" s="1"/>
      <c r="C76" s="262" t="s">
        <v>56</v>
      </c>
      <c r="D76" s="262"/>
      <c r="E76" s="262"/>
      <c r="F76" s="262"/>
      <c r="G76" s="262"/>
      <c r="H76" s="262"/>
      <c r="I76" s="233"/>
      <c r="J76" s="262" t="s">
        <v>57</v>
      </c>
      <c r="K76" s="262"/>
      <c r="L76" s="262"/>
      <c r="M76" s="262"/>
      <c r="N76" s="262"/>
      <c r="O76" s="262"/>
      <c r="P76" s="8"/>
      <c r="Q76" s="8"/>
      <c r="R76" s="8"/>
      <c r="S76" s="8"/>
      <c r="T76" s="8"/>
      <c r="U76" s="8"/>
      <c r="V76" s="8"/>
      <c r="W76" s="8"/>
      <c r="X76" s="8"/>
      <c r="Y76" s="8"/>
      <c r="Z76" s="8"/>
      <c r="AA76" s="8"/>
      <c r="AB76" s="8"/>
      <c r="AC76" s="8"/>
      <c r="AD76" s="8"/>
      <c r="AE76" s="8"/>
      <c r="AF76" s="8"/>
      <c r="AG76" s="8"/>
      <c r="AH76" s="8"/>
      <c r="AI76" s="8"/>
      <c r="AJ76" s="8"/>
      <c r="AK76" s="8"/>
      <c r="AL76" s="8"/>
      <c r="AM76" s="8"/>
      <c r="AN76" s="8"/>
      <c r="AO76" s="8"/>
      <c r="AP76" s="8"/>
      <c r="AQ76" s="8"/>
      <c r="AR76" s="8"/>
      <c r="AS76" s="8"/>
      <c r="AT76" s="8"/>
      <c r="AU76" s="8"/>
      <c r="AV76" s="8"/>
      <c r="AW76" s="8"/>
      <c r="AX76" s="8"/>
      <c r="AY76" s="8"/>
      <c r="AZ76" s="8"/>
      <c r="BA76" s="8"/>
      <c r="BB76" s="8"/>
      <c r="BC76" s="8"/>
      <c r="BD76" s="8"/>
      <c r="BE76" s="8"/>
      <c r="BF76" s="8"/>
      <c r="BG76" s="8"/>
      <c r="BH76" s="8"/>
      <c r="BI76" s="8"/>
      <c r="BJ76" s="8"/>
      <c r="BK76" s="8"/>
      <c r="BL76" s="8"/>
      <c r="BM76" s="8"/>
      <c r="BN76" s="8"/>
      <c r="BO76" s="8"/>
      <c r="BP76" s="8"/>
      <c r="BQ76" s="8"/>
      <c r="BR76" s="8"/>
      <c r="BS76" s="8"/>
      <c r="BT76" s="9"/>
    </row>
    <row r="77" spans="1:72" s="22" customFormat="1" x14ac:dyDescent="0.15">
      <c r="A77" s="176"/>
      <c r="B77" s="1"/>
      <c r="C77" s="262" t="s">
        <v>58</v>
      </c>
      <c r="D77" s="262"/>
      <c r="E77" s="262"/>
      <c r="F77" s="262"/>
      <c r="G77" s="262"/>
      <c r="H77" s="262"/>
      <c r="I77" s="233"/>
      <c r="J77" s="262" t="s">
        <v>59</v>
      </c>
      <c r="K77" s="262"/>
      <c r="L77" s="262"/>
      <c r="M77" s="262"/>
      <c r="N77" s="262"/>
      <c r="O77" s="262"/>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8"/>
      <c r="BM77" s="8"/>
      <c r="BN77" s="8"/>
      <c r="BO77" s="8"/>
      <c r="BP77" s="8"/>
      <c r="BQ77" s="8"/>
      <c r="BR77" s="8"/>
      <c r="BS77" s="8"/>
      <c r="BT77" s="9"/>
    </row>
    <row r="78" spans="1:72" s="22" customFormat="1" x14ac:dyDescent="0.15">
      <c r="A78" s="176"/>
      <c r="B78" s="1"/>
      <c r="C78" s="262" t="s">
        <v>60</v>
      </c>
      <c r="D78" s="262"/>
      <c r="E78" s="262"/>
      <c r="F78" s="262"/>
      <c r="G78" s="262"/>
      <c r="H78" s="262"/>
      <c r="I78" s="233"/>
      <c r="J78" s="262" t="s">
        <v>61</v>
      </c>
      <c r="K78" s="262"/>
      <c r="L78" s="262"/>
      <c r="M78" s="262"/>
      <c r="N78" s="262"/>
      <c r="O78" s="262"/>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47" t="s">
        <v>62</v>
      </c>
      <c r="D79" s="347"/>
      <c r="E79" s="347"/>
      <c r="F79" s="347"/>
      <c r="G79" s="347"/>
      <c r="H79" s="347"/>
      <c r="I79" s="233"/>
      <c r="J79" s="262" t="s">
        <v>63</v>
      </c>
      <c r="K79" s="262"/>
      <c r="L79" s="262"/>
      <c r="M79" s="262"/>
      <c r="N79" s="262"/>
      <c r="O79" s="262"/>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I80" s="233"/>
      <c r="J80" s="262" t="s">
        <v>64</v>
      </c>
      <c r="K80" s="262"/>
      <c r="L80" s="262"/>
      <c r="M80" s="262"/>
      <c r="N80" s="262"/>
      <c r="O80" s="262"/>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233"/>
      <c r="D81" s="233"/>
      <c r="E81" s="233"/>
      <c r="F81" s="233"/>
      <c r="G81" s="233"/>
      <c r="H81" s="233"/>
      <c r="I81" s="233"/>
      <c r="J81" s="56"/>
      <c r="K81" s="56"/>
      <c r="L81" s="56"/>
      <c r="M81" s="56"/>
      <c r="N81" s="56"/>
      <c r="O81" s="56"/>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233"/>
      <c r="D82" s="233"/>
      <c r="E82" s="233"/>
      <c r="F82" s="233"/>
      <c r="G82" s="233"/>
      <c r="H82" s="233"/>
      <c r="I82" s="233"/>
      <c r="J82" s="57"/>
      <c r="K82" s="59"/>
      <c r="L82" s="5"/>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233"/>
      <c r="D83" s="233"/>
      <c r="E83" s="233"/>
      <c r="F83" s="233"/>
      <c r="G83" s="233"/>
      <c r="H83" s="233"/>
      <c r="I83" s="233"/>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42"/>
      <c r="D84" s="42"/>
      <c r="E84" s="42"/>
      <c r="F84" s="42"/>
      <c r="G84" s="42"/>
      <c r="H84" s="42"/>
      <c r="I84" s="42"/>
      <c r="J84" s="42"/>
      <c r="K84" s="55"/>
      <c r="L84" s="42"/>
      <c r="M84" s="42"/>
      <c r="N84" s="42"/>
      <c r="O84" s="42"/>
      <c r="P84" s="42"/>
      <c r="Q84" s="42"/>
      <c r="R84" s="42"/>
      <c r="S84" s="42"/>
      <c r="T84" s="42"/>
      <c r="U84" s="42"/>
      <c r="V84" s="42"/>
      <c r="W84" s="42"/>
      <c r="X84" s="42"/>
      <c r="Y84" s="42"/>
      <c r="Z84" s="42"/>
      <c r="AA84" s="42"/>
      <c r="AB84" s="42"/>
      <c r="AC84" s="42"/>
      <c r="AD84" s="42"/>
      <c r="AE84" s="42"/>
      <c r="AF84" s="42"/>
      <c r="AG84" s="42"/>
      <c r="AH84" s="42"/>
      <c r="AI84" s="42"/>
      <c r="AJ84" s="42"/>
      <c r="AK84" s="42"/>
      <c r="AL84" s="42"/>
      <c r="AM84" s="42"/>
      <c r="AN84" s="42"/>
      <c r="AO84" s="42"/>
      <c r="AP84" s="42"/>
      <c r="AQ84" s="42"/>
      <c r="AR84" s="42"/>
      <c r="AS84" s="42"/>
      <c r="AT84" s="42"/>
      <c r="AU84" s="42"/>
      <c r="AV84" s="42"/>
      <c r="AW84" s="42"/>
      <c r="AX84" s="42"/>
      <c r="AY84" s="42"/>
      <c r="AZ84" s="42"/>
      <c r="BA84" s="42"/>
      <c r="BB84" s="42"/>
      <c r="BC84" s="42"/>
      <c r="BD84" s="42"/>
      <c r="BE84" s="42"/>
      <c r="BF84" s="42"/>
      <c r="BG84" s="42"/>
      <c r="BH84" s="42"/>
      <c r="BI84" s="42"/>
      <c r="BJ84" s="42"/>
      <c r="BK84" s="42"/>
      <c r="BL84" s="42"/>
      <c r="BM84" s="42"/>
      <c r="BN84" s="42"/>
      <c r="BO84" s="42"/>
      <c r="BP84" s="42"/>
      <c r="BQ84" s="42"/>
      <c r="BR84" s="42"/>
      <c r="BS84" s="42"/>
      <c r="BT84" s="9"/>
    </row>
    <row r="85" spans="1:72" s="22" customFormat="1" ht="34.5" customHeight="1" x14ac:dyDescent="0.15">
      <c r="A85" s="176"/>
      <c r="B85" s="1"/>
      <c r="C85" s="43"/>
      <c r="D85" s="43"/>
      <c r="E85" s="43"/>
      <c r="F85" s="43"/>
      <c r="G85" s="43"/>
      <c r="H85" s="43"/>
      <c r="I85" s="43"/>
      <c r="J85" s="43"/>
      <c r="K85" s="43"/>
      <c r="L85" s="43"/>
      <c r="M85" s="41"/>
      <c r="N85" s="41"/>
      <c r="O85" s="41"/>
    </row>
    <row r="86" spans="1:72" s="22" customFormat="1" x14ac:dyDescent="0.15">
      <c r="A86" s="176"/>
      <c r="B86" s="1"/>
      <c r="C86" s="42"/>
      <c r="D86" s="42"/>
      <c r="E86" s="42"/>
      <c r="F86" s="42"/>
      <c r="G86" s="42"/>
      <c r="H86" s="42"/>
      <c r="I86" s="42"/>
      <c r="J86" s="42"/>
      <c r="K86" s="55"/>
      <c r="L86" s="42"/>
      <c r="M86" s="42"/>
      <c r="N86" s="42"/>
      <c r="O86" s="42"/>
    </row>
    <row r="87" spans="1:72" s="22" customFormat="1" ht="19.5" x14ac:dyDescent="0.15">
      <c r="A87" s="176"/>
      <c r="B87" s="60" t="s">
        <v>65</v>
      </c>
      <c r="C87" s="61"/>
      <c r="D87" s="62"/>
      <c r="E87" s="62"/>
      <c r="F87" s="62"/>
      <c r="G87" s="62"/>
      <c r="H87" s="63"/>
      <c r="I87" s="63"/>
      <c r="J87" s="64"/>
      <c r="K87" s="64"/>
      <c r="L87" s="64"/>
      <c r="M87" s="64"/>
      <c r="N87" s="65"/>
      <c r="O87" s="65"/>
    </row>
    <row r="88" spans="1:72" s="22" customFormat="1" x14ac:dyDescent="0.15">
      <c r="A88" s="176"/>
      <c r="B88" s="1"/>
      <c r="C88" s="66"/>
      <c r="D88" s="3"/>
      <c r="E88" s="3"/>
      <c r="F88" s="3"/>
      <c r="G88" s="3"/>
      <c r="H88" s="242"/>
      <c r="I88" s="242"/>
      <c r="J88" s="68"/>
      <c r="K88" s="69"/>
      <c r="L88" s="68"/>
      <c r="M88" s="68"/>
      <c r="N88" s="70"/>
      <c r="O88" s="70"/>
    </row>
    <row r="89" spans="1:72" s="22" customFormat="1" x14ac:dyDescent="0.15">
      <c r="A89" s="176"/>
      <c r="B89" s="13" t="s">
        <v>66</v>
      </c>
      <c r="C89" s="66"/>
      <c r="D89" s="3"/>
      <c r="E89" s="3"/>
      <c r="F89" s="3"/>
      <c r="G89" s="3"/>
      <c r="H89" s="242"/>
      <c r="I89" s="242"/>
      <c r="J89" s="68"/>
      <c r="K89" s="69"/>
      <c r="L89" s="68"/>
      <c r="M89" s="68"/>
      <c r="N89" s="70"/>
      <c r="O89" s="70"/>
    </row>
    <row r="90" spans="1:72" s="22" customFormat="1" x14ac:dyDescent="0.15">
      <c r="A90" s="176"/>
      <c r="B90" s="19"/>
      <c r="C90" s="66"/>
      <c r="D90" s="3"/>
      <c r="E90" s="3"/>
      <c r="F90" s="3"/>
      <c r="G90" s="3"/>
      <c r="H90" s="242"/>
      <c r="I90" s="242"/>
      <c r="J90" s="68"/>
      <c r="K90" s="69"/>
      <c r="L90" s="68"/>
      <c r="M90" s="68"/>
      <c r="N90" s="70"/>
      <c r="O90" s="70"/>
    </row>
    <row r="91" spans="1:72" x14ac:dyDescent="0.15">
      <c r="A91" s="176"/>
      <c r="B91" s="19"/>
      <c r="C91" s="3"/>
      <c r="D91" s="3"/>
      <c r="F91" s="3"/>
      <c r="G91" s="3"/>
      <c r="H91" s="242"/>
      <c r="J91" s="71" t="s">
        <v>4</v>
      </c>
      <c r="K91" s="72"/>
      <c r="L91" s="73"/>
      <c r="M91" s="73"/>
      <c r="N91" s="73"/>
      <c r="O91" s="73"/>
      <c r="P91" s="22"/>
      <c r="Q91" s="22"/>
      <c r="R91" s="22"/>
    </row>
    <row r="92" spans="1:72" x14ac:dyDescent="0.15">
      <c r="A92" s="176"/>
      <c r="B92" s="1"/>
      <c r="C92" s="3"/>
      <c r="D92" s="3"/>
      <c r="F92" s="3"/>
      <c r="G92" s="3"/>
      <c r="H92" s="242"/>
      <c r="I92" s="74" t="s">
        <v>67</v>
      </c>
      <c r="J92" s="75"/>
      <c r="K92" s="76"/>
      <c r="L92" s="77"/>
      <c r="M92" s="73"/>
      <c r="N92" s="73"/>
      <c r="O92" s="73"/>
      <c r="P92" s="22"/>
      <c r="Q92" s="22"/>
      <c r="R92" s="22"/>
    </row>
    <row r="93" spans="1:72" s="81" customFormat="1" ht="54" customHeight="1" x14ac:dyDescent="0.15">
      <c r="A93" s="196" t="s">
        <v>68</v>
      </c>
      <c r="B93" s="1"/>
      <c r="C93" s="257" t="s">
        <v>69</v>
      </c>
      <c r="D93" s="257"/>
      <c r="E93" s="257"/>
      <c r="F93" s="257"/>
      <c r="G93" s="257"/>
      <c r="H93" s="314"/>
      <c r="I93" s="241" t="s">
        <v>70</v>
      </c>
      <c r="J93" s="203" t="s">
        <v>71</v>
      </c>
      <c r="K93" s="80"/>
      <c r="L93" s="73"/>
      <c r="M93" s="73"/>
      <c r="N93" s="73"/>
      <c r="O93" s="73"/>
      <c r="P93" s="22"/>
      <c r="Q93" s="22"/>
      <c r="R93" s="22"/>
    </row>
    <row r="94" spans="1:72" s="84" customFormat="1" x14ac:dyDescent="0.15">
      <c r="A94" s="176"/>
      <c r="B94" s="19"/>
      <c r="C94" s="19"/>
      <c r="D94" s="19"/>
      <c r="E94" s="19"/>
      <c r="F94" s="19"/>
      <c r="G94" s="19"/>
      <c r="H94" s="15"/>
      <c r="I94" s="15"/>
      <c r="J94" s="82"/>
      <c r="K94" s="83"/>
      <c r="L94" s="73"/>
      <c r="M94" s="73"/>
      <c r="N94" s="73"/>
      <c r="O94" s="73"/>
      <c r="P94" s="22"/>
      <c r="Q94" s="22"/>
      <c r="R94" s="22"/>
    </row>
    <row r="95" spans="1:72" s="22" customFormat="1" ht="19.5" x14ac:dyDescent="0.15">
      <c r="A95" s="176"/>
      <c r="B95" s="85"/>
      <c r="C95" s="66"/>
      <c r="D95" s="3"/>
      <c r="E95" s="3"/>
      <c r="F95" s="3"/>
      <c r="G95" s="3"/>
      <c r="H95" s="242"/>
      <c r="I95" s="242"/>
      <c r="J95" s="68"/>
      <c r="K95" s="68"/>
      <c r="L95" s="68"/>
      <c r="M95" s="68"/>
      <c r="N95" s="86"/>
      <c r="O95" s="86"/>
      <c r="P95" s="86"/>
      <c r="Q95" s="86"/>
      <c r="R95" s="86"/>
      <c r="S95" s="86"/>
      <c r="T95" s="86"/>
      <c r="U95" s="86"/>
      <c r="V95" s="86"/>
      <c r="W95" s="86"/>
      <c r="X95" s="86"/>
      <c r="Y95" s="86"/>
      <c r="Z95" s="86"/>
      <c r="AA95" s="86"/>
      <c r="AB95" s="86"/>
      <c r="AC95" s="86"/>
      <c r="AD95" s="86"/>
      <c r="AE95" s="86"/>
      <c r="AF95" s="86"/>
      <c r="AG95" s="86"/>
      <c r="AH95" s="86"/>
      <c r="AI95" s="86"/>
      <c r="AJ95" s="86"/>
      <c r="AK95" s="86"/>
      <c r="AL95" s="86"/>
      <c r="AM95" s="86"/>
      <c r="AN95" s="86"/>
      <c r="AO95" s="86"/>
      <c r="AP95" s="86"/>
      <c r="AQ95" s="86"/>
      <c r="AR95" s="86"/>
      <c r="AS95" s="86"/>
      <c r="AT95" s="86"/>
      <c r="AU95" s="86"/>
      <c r="AV95" s="86"/>
      <c r="AW95" s="86"/>
      <c r="AX95" s="86"/>
      <c r="AY95" s="86"/>
      <c r="AZ95" s="86"/>
      <c r="BA95" s="86"/>
      <c r="BB95" s="86"/>
      <c r="BC95" s="86"/>
      <c r="BD95" s="86"/>
      <c r="BE95" s="86"/>
      <c r="BF95" s="86"/>
      <c r="BG95" s="86"/>
      <c r="BH95" s="86"/>
      <c r="BI95" s="86"/>
      <c r="BJ95" s="86"/>
      <c r="BK95" s="86"/>
      <c r="BL95" s="86"/>
      <c r="BM95" s="86"/>
      <c r="BN95" s="86"/>
      <c r="BO95" s="86"/>
      <c r="BP95" s="86"/>
      <c r="BQ95" s="86"/>
      <c r="BR95" s="86"/>
      <c r="BS95" s="86"/>
      <c r="BT95" s="9"/>
    </row>
    <row r="96" spans="1:72" s="22" customFormat="1" x14ac:dyDescent="0.15">
      <c r="A96" s="176"/>
      <c r="B96" s="1"/>
      <c r="C96" s="66"/>
      <c r="D96" s="3"/>
      <c r="E96" s="3"/>
      <c r="F96" s="3"/>
      <c r="G96" s="3"/>
      <c r="H96" s="242"/>
      <c r="I96" s="242"/>
      <c r="J96" s="68"/>
      <c r="K96" s="69"/>
      <c r="L96" s="68"/>
      <c r="M96" s="68"/>
      <c r="N96" s="70"/>
      <c r="O96" s="70"/>
    </row>
    <row r="97" spans="1:18" x14ac:dyDescent="0.15">
      <c r="A97" s="176"/>
      <c r="B97" s="19" t="s">
        <v>72</v>
      </c>
      <c r="C97" s="19"/>
      <c r="D97" s="19"/>
      <c r="E97" s="19"/>
      <c r="F97" s="19"/>
      <c r="G97" s="19"/>
      <c r="H97" s="15"/>
      <c r="I97" s="15"/>
      <c r="L97" s="73"/>
      <c r="M97" s="73"/>
      <c r="N97" s="73"/>
      <c r="O97" s="73"/>
      <c r="P97" s="22"/>
      <c r="Q97" s="22"/>
      <c r="R97" s="22"/>
    </row>
    <row r="98" spans="1:18" x14ac:dyDescent="0.15">
      <c r="A98" s="176"/>
      <c r="B98" s="19"/>
      <c r="C98" s="19"/>
      <c r="D98" s="19"/>
      <c r="E98" s="19"/>
      <c r="F98" s="19"/>
      <c r="G98" s="19"/>
      <c r="H98" s="15"/>
      <c r="I98" s="15"/>
      <c r="L98" s="73"/>
      <c r="M98" s="73"/>
      <c r="N98" s="73"/>
      <c r="O98" s="73"/>
      <c r="P98" s="22"/>
      <c r="Q98" s="22"/>
      <c r="R98" s="22"/>
    </row>
    <row r="99" spans="1:18" x14ac:dyDescent="0.15">
      <c r="A99" s="176"/>
      <c r="B99" s="19"/>
      <c r="C99" s="3"/>
      <c r="D99" s="3"/>
      <c r="F99" s="3"/>
      <c r="G99" s="3"/>
      <c r="H99" s="242"/>
      <c r="J99" s="71" t="s">
        <v>4</v>
      </c>
      <c r="K99" s="72"/>
      <c r="L99" s="73"/>
      <c r="M99" s="73"/>
      <c r="N99" s="73"/>
      <c r="O99" s="73"/>
      <c r="P99" s="22"/>
      <c r="Q99" s="22"/>
      <c r="R99" s="22"/>
    </row>
    <row r="100" spans="1:18" x14ac:dyDescent="0.15">
      <c r="A100" s="176"/>
      <c r="B100" s="1"/>
      <c r="C100" s="66"/>
      <c r="D100" s="3"/>
      <c r="F100" s="3"/>
      <c r="G100" s="3"/>
      <c r="H100" s="242"/>
      <c r="I100" s="74" t="s">
        <v>67</v>
      </c>
      <c r="J100" s="75"/>
      <c r="K100" s="76"/>
      <c r="L100" s="77"/>
      <c r="M100" s="73"/>
      <c r="N100" s="73"/>
      <c r="O100" s="73"/>
      <c r="P100" s="22"/>
      <c r="Q100" s="22"/>
      <c r="R100" s="22"/>
    </row>
    <row r="101" spans="1:18" s="81" customFormat="1" ht="34.5" customHeight="1" x14ac:dyDescent="0.15">
      <c r="A101" s="196" t="s">
        <v>73</v>
      </c>
      <c r="B101" s="1"/>
      <c r="C101" s="276" t="s">
        <v>74</v>
      </c>
      <c r="D101" s="286"/>
      <c r="E101" s="315" t="s">
        <v>75</v>
      </c>
      <c r="F101" s="315"/>
      <c r="G101" s="257"/>
      <c r="H101" s="257"/>
      <c r="I101" s="251" t="s">
        <v>76</v>
      </c>
      <c r="J101" s="204">
        <v>3</v>
      </c>
      <c r="K101" s="246" t="str">
        <f>IF(OR(COUNTIF(J101,"未確認")&gt;0,COUNTIF(J101,"~*")&gt;0),"※","")</f>
        <v/>
      </c>
      <c r="L101" s="77"/>
      <c r="M101" s="73"/>
      <c r="N101" s="73"/>
      <c r="O101" s="73"/>
      <c r="P101" s="22"/>
      <c r="Q101" s="22"/>
      <c r="R101" s="22"/>
    </row>
    <row r="102" spans="1:18" s="81" customFormat="1" ht="34.5" customHeight="1" x14ac:dyDescent="0.15">
      <c r="A102" s="196" t="s">
        <v>77</v>
      </c>
      <c r="B102" s="88"/>
      <c r="C102" s="325"/>
      <c r="D102" s="327"/>
      <c r="E102" s="282"/>
      <c r="F102" s="283"/>
      <c r="G102" s="259" t="s">
        <v>78</v>
      </c>
      <c r="H102" s="261"/>
      <c r="I102" s="294"/>
      <c r="J102" s="204">
        <v>0</v>
      </c>
      <c r="K102" s="246" t="str">
        <f t="shared" ref="K102:K113" si="0">IF(OR(COUNTIF(J102,"未確認")&gt;0,COUNTIF(J102,"~*")&gt;0),"※","")</f>
        <v/>
      </c>
      <c r="L102" s="77"/>
      <c r="M102" s="73"/>
      <c r="N102" s="73"/>
      <c r="O102" s="73"/>
      <c r="P102" s="22"/>
      <c r="Q102" s="22"/>
      <c r="R102" s="22"/>
    </row>
    <row r="103" spans="1:18" s="81" customFormat="1" ht="34.5" customHeight="1" x14ac:dyDescent="0.15">
      <c r="A103" s="196" t="s">
        <v>73</v>
      </c>
      <c r="B103" s="88"/>
      <c r="C103" s="325"/>
      <c r="D103" s="327"/>
      <c r="E103" s="257" t="s">
        <v>79</v>
      </c>
      <c r="F103" s="258"/>
      <c r="G103" s="258"/>
      <c r="H103" s="258"/>
      <c r="I103" s="294"/>
      <c r="J103" s="204">
        <v>0</v>
      </c>
      <c r="K103" s="246" t="str">
        <f t="shared" si="0"/>
        <v/>
      </c>
      <c r="L103" s="77"/>
      <c r="M103" s="73"/>
      <c r="N103" s="73"/>
      <c r="O103" s="73"/>
      <c r="P103" s="22"/>
      <c r="Q103" s="22"/>
      <c r="R103" s="22"/>
    </row>
    <row r="104" spans="1:18" s="81" customFormat="1" ht="34.5" customHeight="1" x14ac:dyDescent="0.15">
      <c r="A104" s="196" t="s">
        <v>73</v>
      </c>
      <c r="B104" s="88"/>
      <c r="C104" s="328"/>
      <c r="D104" s="330"/>
      <c r="E104" s="257" t="s">
        <v>80</v>
      </c>
      <c r="F104" s="272"/>
      <c r="G104" s="272"/>
      <c r="H104" s="272"/>
      <c r="I104" s="294"/>
      <c r="J104" s="204">
        <v>3</v>
      </c>
      <c r="K104" s="246" t="str">
        <f t="shared" si="0"/>
        <v/>
      </c>
      <c r="L104" s="77"/>
      <c r="M104" s="73"/>
      <c r="N104" s="73"/>
      <c r="O104" s="73"/>
      <c r="P104" s="22"/>
      <c r="Q104" s="22"/>
      <c r="R104" s="22"/>
    </row>
    <row r="105" spans="1:18" s="81" customFormat="1" ht="34.5" customHeight="1" x14ac:dyDescent="0.15">
      <c r="A105" s="196" t="s">
        <v>81</v>
      </c>
      <c r="B105" s="88"/>
      <c r="C105" s="276" t="s">
        <v>82</v>
      </c>
      <c r="D105" s="286"/>
      <c r="E105" s="315" t="s">
        <v>75</v>
      </c>
      <c r="F105" s="321"/>
      <c r="G105" s="321"/>
      <c r="H105" s="321"/>
      <c r="I105" s="294"/>
      <c r="J105" s="204">
        <v>0</v>
      </c>
      <c r="K105" s="246" t="str">
        <f t="shared" si="0"/>
        <v/>
      </c>
      <c r="L105" s="77"/>
      <c r="M105" s="73"/>
      <c r="N105" s="73"/>
      <c r="O105" s="73"/>
      <c r="P105" s="22"/>
      <c r="Q105" s="22"/>
      <c r="R105" s="22"/>
    </row>
    <row r="106" spans="1:18" s="81" customFormat="1" ht="34.5" customHeight="1" x14ac:dyDescent="0.15">
      <c r="A106" s="196" t="s">
        <v>83</v>
      </c>
      <c r="B106" s="88"/>
      <c r="C106" s="325"/>
      <c r="D106" s="327"/>
      <c r="E106" s="343"/>
      <c r="F106" s="344"/>
      <c r="G106" s="259" t="s">
        <v>84</v>
      </c>
      <c r="H106" s="261"/>
      <c r="I106" s="294"/>
      <c r="J106" s="204">
        <v>0</v>
      </c>
      <c r="K106" s="246" t="str">
        <f t="shared" si="0"/>
        <v/>
      </c>
      <c r="L106" s="77"/>
      <c r="M106" s="73"/>
      <c r="N106" s="73"/>
      <c r="O106" s="73"/>
      <c r="P106" s="22"/>
      <c r="Q106" s="22"/>
      <c r="R106" s="22"/>
    </row>
    <row r="107" spans="1:18" s="81" customFormat="1" ht="34.5" customHeight="1" x14ac:dyDescent="0.15">
      <c r="A107" s="196" t="s">
        <v>85</v>
      </c>
      <c r="B107" s="88"/>
      <c r="C107" s="325"/>
      <c r="D107" s="327"/>
      <c r="E107" s="345"/>
      <c r="F107" s="346"/>
      <c r="G107" s="259" t="s">
        <v>86</v>
      </c>
      <c r="H107" s="261"/>
      <c r="I107" s="294"/>
      <c r="J107" s="204">
        <v>0</v>
      </c>
      <c r="K107" s="246" t="str">
        <f t="shared" si="0"/>
        <v/>
      </c>
      <c r="L107" s="77"/>
      <c r="M107" s="73"/>
      <c r="N107" s="73"/>
      <c r="O107" s="73"/>
      <c r="P107" s="22"/>
      <c r="Q107" s="22"/>
      <c r="R107" s="22"/>
    </row>
    <row r="108" spans="1:18" s="81" customFormat="1" ht="34.5" customHeight="1" x14ac:dyDescent="0.15">
      <c r="A108" s="196" t="s">
        <v>81</v>
      </c>
      <c r="B108" s="88"/>
      <c r="C108" s="325"/>
      <c r="D108" s="327"/>
      <c r="E108" s="315" t="s">
        <v>79</v>
      </c>
      <c r="F108" s="321"/>
      <c r="G108" s="321"/>
      <c r="H108" s="321"/>
      <c r="I108" s="294"/>
      <c r="J108" s="204">
        <v>0</v>
      </c>
      <c r="K108" s="246" t="str">
        <f t="shared" si="0"/>
        <v/>
      </c>
      <c r="L108" s="77"/>
      <c r="M108" s="73"/>
      <c r="N108" s="73"/>
      <c r="O108" s="73"/>
      <c r="P108" s="22"/>
      <c r="Q108" s="22"/>
      <c r="R108" s="22"/>
    </row>
    <row r="109" spans="1:18" s="81" customFormat="1" ht="34.5" customHeight="1" x14ac:dyDescent="0.15">
      <c r="A109" s="196" t="s">
        <v>83</v>
      </c>
      <c r="B109" s="88"/>
      <c r="C109" s="325"/>
      <c r="D109" s="327"/>
      <c r="E109" s="343"/>
      <c r="F109" s="344"/>
      <c r="G109" s="259" t="s">
        <v>84</v>
      </c>
      <c r="H109" s="261"/>
      <c r="I109" s="294"/>
      <c r="J109" s="204">
        <v>0</v>
      </c>
      <c r="K109" s="246" t="str">
        <f t="shared" si="0"/>
        <v/>
      </c>
      <c r="L109" s="77"/>
      <c r="M109" s="73"/>
      <c r="N109" s="73"/>
      <c r="O109" s="73"/>
      <c r="P109" s="22"/>
      <c r="Q109" s="22"/>
      <c r="R109" s="22"/>
    </row>
    <row r="110" spans="1:18" s="81" customFormat="1" ht="34.5" customHeight="1" x14ac:dyDescent="0.15">
      <c r="A110" s="196" t="s">
        <v>85</v>
      </c>
      <c r="B110" s="88"/>
      <c r="C110" s="325"/>
      <c r="D110" s="327"/>
      <c r="E110" s="343"/>
      <c r="F110" s="344"/>
      <c r="G110" s="276" t="s">
        <v>86</v>
      </c>
      <c r="H110" s="286"/>
      <c r="I110" s="294"/>
      <c r="J110" s="204">
        <v>0</v>
      </c>
      <c r="K110" s="246" t="str">
        <f t="shared" si="0"/>
        <v/>
      </c>
      <c r="L110" s="77"/>
      <c r="M110" s="73"/>
      <c r="N110" s="73"/>
      <c r="O110" s="73"/>
      <c r="P110" s="22"/>
      <c r="Q110" s="22"/>
      <c r="R110" s="22"/>
    </row>
    <row r="111" spans="1:18" s="81" customFormat="1" ht="34.5" customHeight="1" x14ac:dyDescent="0.15">
      <c r="A111" s="196" t="s">
        <v>81</v>
      </c>
      <c r="B111" s="88"/>
      <c r="C111" s="325"/>
      <c r="D111" s="327"/>
      <c r="E111" s="315" t="s">
        <v>80</v>
      </c>
      <c r="F111" s="348"/>
      <c r="G111" s="348"/>
      <c r="H111" s="348"/>
      <c r="I111" s="294"/>
      <c r="J111" s="204">
        <v>0</v>
      </c>
      <c r="K111" s="246" t="str">
        <f t="shared" si="0"/>
        <v/>
      </c>
      <c r="L111" s="77"/>
      <c r="M111" s="73"/>
      <c r="N111" s="73"/>
      <c r="O111" s="73"/>
      <c r="P111" s="22"/>
      <c r="Q111" s="22"/>
      <c r="R111" s="22"/>
    </row>
    <row r="112" spans="1:18" s="81" customFormat="1" ht="34.5" customHeight="1" x14ac:dyDescent="0.15">
      <c r="A112" s="196" t="s">
        <v>83</v>
      </c>
      <c r="B112" s="88"/>
      <c r="C112" s="325"/>
      <c r="D112" s="327"/>
      <c r="E112" s="343"/>
      <c r="F112" s="344"/>
      <c r="G112" s="259" t="s">
        <v>84</v>
      </c>
      <c r="H112" s="261"/>
      <c r="I112" s="294"/>
      <c r="J112" s="204">
        <v>0</v>
      </c>
      <c r="K112" s="246" t="str">
        <f t="shared" si="0"/>
        <v/>
      </c>
      <c r="L112" s="77"/>
      <c r="M112" s="73"/>
      <c r="N112" s="73"/>
      <c r="O112" s="73"/>
      <c r="P112" s="22"/>
      <c r="Q112" s="22"/>
      <c r="R112" s="22"/>
    </row>
    <row r="113" spans="1:18" s="81" customFormat="1" ht="34.5" customHeight="1" x14ac:dyDescent="0.15">
      <c r="A113" s="196" t="s">
        <v>85</v>
      </c>
      <c r="B113" s="88"/>
      <c r="C113" s="328"/>
      <c r="D113" s="330"/>
      <c r="E113" s="343"/>
      <c r="F113" s="344"/>
      <c r="G113" s="276" t="s">
        <v>86</v>
      </c>
      <c r="H113" s="286"/>
      <c r="I113" s="294"/>
      <c r="J113" s="204">
        <v>0</v>
      </c>
      <c r="K113" s="246" t="str">
        <f t="shared" si="0"/>
        <v/>
      </c>
      <c r="L113" s="77"/>
      <c r="M113" s="73"/>
      <c r="N113" s="73"/>
      <c r="O113" s="73"/>
      <c r="P113" s="22"/>
      <c r="Q113" s="22"/>
      <c r="R113" s="22"/>
    </row>
    <row r="114" spans="1:18" s="81" customFormat="1" ht="315" customHeight="1" x14ac:dyDescent="0.15">
      <c r="A114" s="196" t="s">
        <v>87</v>
      </c>
      <c r="B114" s="88"/>
      <c r="C114" s="259" t="s">
        <v>88</v>
      </c>
      <c r="D114" s="260"/>
      <c r="E114" s="260"/>
      <c r="F114" s="260"/>
      <c r="G114" s="260"/>
      <c r="H114" s="261"/>
      <c r="I114" s="295"/>
      <c r="J114" s="205" t="s">
        <v>89</v>
      </c>
      <c r="K114" s="90"/>
      <c r="L114" s="77"/>
      <c r="M114" s="73"/>
      <c r="N114" s="73"/>
      <c r="O114" s="73"/>
      <c r="P114" s="22"/>
      <c r="Q114" s="22"/>
      <c r="R114" s="22"/>
    </row>
    <row r="115" spans="1:18" s="84" customFormat="1" x14ac:dyDescent="0.15">
      <c r="A115" s="176"/>
      <c r="B115" s="19"/>
      <c r="C115" s="19"/>
      <c r="D115" s="19"/>
      <c r="E115" s="19"/>
      <c r="F115" s="19"/>
      <c r="G115" s="19"/>
      <c r="H115" s="15"/>
      <c r="I115" s="15"/>
      <c r="J115" s="82"/>
      <c r="K115" s="83"/>
      <c r="L115" s="73"/>
      <c r="M115" s="73"/>
      <c r="N115" s="73"/>
      <c r="O115" s="73"/>
      <c r="P115" s="22"/>
      <c r="Q115" s="22"/>
      <c r="R115" s="22"/>
    </row>
    <row r="116" spans="1:18" s="81" customFormat="1" x14ac:dyDescent="0.15">
      <c r="A116" s="176"/>
      <c r="B116" s="88"/>
      <c r="C116" s="66"/>
      <c r="D116" s="66"/>
      <c r="E116" s="66"/>
      <c r="F116" s="66"/>
      <c r="G116" s="66"/>
      <c r="H116" s="91"/>
      <c r="I116" s="91"/>
      <c r="J116" s="82"/>
      <c r="K116" s="83"/>
      <c r="L116" s="73"/>
      <c r="M116" s="73"/>
      <c r="N116" s="73"/>
      <c r="O116" s="73"/>
      <c r="P116" s="22"/>
      <c r="Q116" s="22"/>
      <c r="R116" s="22"/>
    </row>
    <row r="117" spans="1:18" s="22" customFormat="1" x14ac:dyDescent="0.15">
      <c r="A117" s="176"/>
      <c r="B117" s="1"/>
      <c r="C117" s="66"/>
      <c r="D117" s="3"/>
      <c r="E117" s="3"/>
      <c r="F117" s="3"/>
      <c r="G117" s="3"/>
      <c r="H117" s="242"/>
      <c r="I117" s="242"/>
      <c r="J117" s="68"/>
      <c r="K117" s="69"/>
      <c r="L117" s="68"/>
      <c r="M117" s="68"/>
      <c r="N117" s="70"/>
      <c r="O117" s="70"/>
    </row>
    <row r="118" spans="1:18" s="84" customFormat="1" x14ac:dyDescent="0.15">
      <c r="A118" s="176"/>
      <c r="B118" s="19" t="s">
        <v>90</v>
      </c>
      <c r="C118" s="19"/>
      <c r="D118" s="19"/>
      <c r="E118" s="19"/>
      <c r="F118" s="19"/>
      <c r="G118" s="19"/>
      <c r="H118" s="15"/>
      <c r="I118" s="15"/>
      <c r="J118" s="82"/>
      <c r="K118" s="83"/>
      <c r="L118" s="92"/>
      <c r="M118" s="92"/>
      <c r="N118" s="92"/>
      <c r="O118" s="92"/>
      <c r="P118" s="22"/>
      <c r="Q118" s="22"/>
      <c r="R118" s="22"/>
    </row>
    <row r="119" spans="1:18" x14ac:dyDescent="0.15">
      <c r="A119" s="176"/>
      <c r="B119" s="19"/>
      <c r="C119" s="19"/>
      <c r="D119" s="19"/>
      <c r="E119" s="19"/>
      <c r="F119" s="19"/>
      <c r="G119" s="19"/>
      <c r="H119" s="15"/>
      <c r="I119" s="15"/>
      <c r="L119" s="93"/>
      <c r="M119" s="93"/>
      <c r="N119" s="93"/>
      <c r="O119" s="93"/>
      <c r="P119" s="22"/>
      <c r="Q119" s="22"/>
      <c r="R119" s="22"/>
    </row>
    <row r="120" spans="1:18" x14ac:dyDescent="0.15">
      <c r="A120" s="176"/>
      <c r="B120" s="19"/>
      <c r="C120" s="3"/>
      <c r="D120" s="3"/>
      <c r="F120" s="3"/>
      <c r="G120" s="3"/>
      <c r="H120" s="242"/>
      <c r="I120" s="242"/>
      <c r="J120" s="94" t="s">
        <v>4</v>
      </c>
      <c r="K120" s="72"/>
      <c r="L120" s="92"/>
      <c r="M120" s="92"/>
      <c r="N120" s="92"/>
      <c r="O120" s="92"/>
      <c r="P120" s="22"/>
      <c r="Q120" s="22"/>
      <c r="R120" s="22"/>
    </row>
    <row r="121" spans="1:18" x14ac:dyDescent="0.15">
      <c r="A121" s="176"/>
      <c r="B121" s="1"/>
      <c r="C121" s="3"/>
      <c r="D121" s="3"/>
      <c r="F121" s="3"/>
      <c r="G121" s="3"/>
      <c r="H121" s="242"/>
      <c r="I121" s="74" t="s">
        <v>67</v>
      </c>
      <c r="J121" s="95"/>
      <c r="K121" s="76"/>
      <c r="L121" s="73"/>
      <c r="M121" s="73"/>
      <c r="N121" s="73"/>
      <c r="O121" s="73"/>
      <c r="P121" s="22"/>
      <c r="Q121" s="22"/>
      <c r="R121" s="22"/>
    </row>
    <row r="122" spans="1:18" s="81" customFormat="1" ht="40.5" customHeight="1" x14ac:dyDescent="0.15">
      <c r="A122" s="196" t="s">
        <v>91</v>
      </c>
      <c r="B122" s="1"/>
      <c r="C122" s="315" t="s">
        <v>92</v>
      </c>
      <c r="D122" s="315"/>
      <c r="E122" s="315"/>
      <c r="F122" s="315"/>
      <c r="G122" s="315"/>
      <c r="H122" s="315"/>
      <c r="I122" s="292" t="s">
        <v>93</v>
      </c>
      <c r="J122" s="206" t="s">
        <v>94</v>
      </c>
      <c r="K122" s="80"/>
      <c r="L122" s="77"/>
      <c r="M122" s="92"/>
      <c r="N122" s="92"/>
      <c r="O122" s="92"/>
      <c r="P122" s="22"/>
      <c r="Q122" s="22"/>
      <c r="R122" s="22"/>
    </row>
    <row r="123" spans="1:18" s="81" customFormat="1" ht="40.5" customHeight="1" x14ac:dyDescent="0.15">
      <c r="A123" s="196" t="s">
        <v>95</v>
      </c>
      <c r="B123" s="1"/>
      <c r="C123" s="236"/>
      <c r="D123" s="240"/>
      <c r="E123" s="257" t="s">
        <v>96</v>
      </c>
      <c r="F123" s="257"/>
      <c r="G123" s="257"/>
      <c r="H123" s="257"/>
      <c r="I123" s="252"/>
      <c r="J123" s="206" t="s">
        <v>97</v>
      </c>
      <c r="K123" s="80"/>
      <c r="L123" s="77"/>
      <c r="M123" s="73"/>
      <c r="N123" s="73"/>
      <c r="O123" s="73"/>
      <c r="P123" s="22"/>
      <c r="Q123" s="22"/>
      <c r="R123" s="22"/>
    </row>
    <row r="124" spans="1:18" s="81" customFormat="1" ht="40.5" customHeight="1" x14ac:dyDescent="0.15">
      <c r="A124" s="196" t="s">
        <v>98</v>
      </c>
      <c r="B124" s="1"/>
      <c r="C124" s="236"/>
      <c r="D124" s="240"/>
      <c r="E124" s="257"/>
      <c r="F124" s="257"/>
      <c r="G124" s="257"/>
      <c r="H124" s="257"/>
      <c r="I124" s="252"/>
      <c r="J124" s="206" t="s">
        <v>734</v>
      </c>
      <c r="K124" s="80"/>
      <c r="L124" s="77"/>
      <c r="M124" s="92"/>
      <c r="N124" s="92"/>
      <c r="O124" s="92"/>
      <c r="P124" s="22"/>
      <c r="Q124" s="22"/>
      <c r="R124" s="22"/>
    </row>
    <row r="125" spans="1:18" s="81" customFormat="1" ht="40.5" customHeight="1" x14ac:dyDescent="0.15">
      <c r="A125" s="196" t="s">
        <v>99</v>
      </c>
      <c r="B125" s="1"/>
      <c r="C125" s="237"/>
      <c r="D125" s="239"/>
      <c r="E125" s="257"/>
      <c r="F125" s="257"/>
      <c r="G125" s="257"/>
      <c r="H125" s="257"/>
      <c r="I125" s="253"/>
      <c r="J125" s="206" t="s">
        <v>100</v>
      </c>
      <c r="K125" s="80"/>
      <c r="L125" s="77"/>
      <c r="M125" s="73"/>
      <c r="N125" s="73"/>
      <c r="O125" s="73"/>
      <c r="P125" s="22"/>
      <c r="Q125" s="22"/>
      <c r="R125" s="22"/>
    </row>
    <row r="126" spans="1:18" s="84" customFormat="1" x14ac:dyDescent="0.15">
      <c r="A126" s="176"/>
      <c r="B126" s="19"/>
      <c r="C126" s="19"/>
      <c r="D126" s="19"/>
      <c r="E126" s="19"/>
      <c r="F126" s="19"/>
      <c r="G126" s="19"/>
      <c r="H126" s="15"/>
      <c r="I126" s="15"/>
      <c r="J126" s="82"/>
      <c r="K126" s="83"/>
      <c r="L126" s="92"/>
      <c r="M126" s="92"/>
      <c r="N126" s="92"/>
      <c r="O126" s="92"/>
      <c r="P126" s="22"/>
      <c r="Q126" s="22"/>
      <c r="R126" s="22"/>
    </row>
    <row r="127" spans="1:18" s="81" customFormat="1" x14ac:dyDescent="0.15">
      <c r="A127" s="176"/>
      <c r="B127" s="88"/>
      <c r="C127" s="66"/>
      <c r="D127" s="66"/>
      <c r="E127" s="66"/>
      <c r="F127" s="66"/>
      <c r="G127" s="66"/>
      <c r="H127" s="91"/>
      <c r="I127" s="91"/>
      <c r="J127" s="82"/>
      <c r="K127" s="83"/>
      <c r="L127" s="83"/>
      <c r="M127" s="83"/>
      <c r="N127" s="83"/>
      <c r="O127" s="83"/>
      <c r="P127" s="22"/>
      <c r="Q127" s="22"/>
      <c r="R127" s="22"/>
    </row>
    <row r="128" spans="1:18" s="22" customFormat="1" x14ac:dyDescent="0.15">
      <c r="A128" s="176"/>
      <c r="B128" s="1"/>
      <c r="C128" s="66"/>
      <c r="D128" s="3"/>
      <c r="E128" s="3"/>
      <c r="F128" s="3"/>
      <c r="G128" s="3"/>
      <c r="H128" s="242"/>
      <c r="I128" s="242"/>
      <c r="J128" s="68"/>
      <c r="K128" s="69"/>
      <c r="L128" s="68"/>
      <c r="M128" s="68"/>
      <c r="N128" s="70"/>
      <c r="O128" s="70"/>
    </row>
    <row r="129" spans="1:18" s="84" customFormat="1" x14ac:dyDescent="0.15">
      <c r="A129" s="176"/>
      <c r="B129" s="19" t="s">
        <v>101</v>
      </c>
      <c r="C129" s="101"/>
      <c r="D129" s="101"/>
      <c r="E129" s="101"/>
      <c r="F129" s="101"/>
      <c r="G129" s="101"/>
      <c r="H129" s="15"/>
      <c r="I129" s="15"/>
      <c r="J129" s="86"/>
      <c r="K129" s="69"/>
      <c r="L129" s="93"/>
      <c r="M129" s="93"/>
      <c r="N129" s="93"/>
      <c r="O129" s="93"/>
      <c r="P129" s="22"/>
      <c r="Q129" s="22"/>
      <c r="R129" s="22"/>
    </row>
    <row r="130" spans="1:18" x14ac:dyDescent="0.15">
      <c r="A130" s="176"/>
      <c r="B130" s="19"/>
      <c r="C130" s="19"/>
      <c r="D130" s="19"/>
      <c r="E130" s="19"/>
      <c r="F130" s="19"/>
      <c r="G130" s="19"/>
      <c r="H130" s="15"/>
      <c r="I130" s="15"/>
      <c r="L130" s="93"/>
      <c r="M130" s="93"/>
      <c r="N130" s="93"/>
      <c r="O130" s="93"/>
      <c r="P130" s="22"/>
      <c r="Q130" s="22"/>
      <c r="R130" s="22"/>
    </row>
    <row r="131" spans="1:18" x14ac:dyDescent="0.15">
      <c r="A131" s="176"/>
      <c r="B131" s="19"/>
      <c r="C131" s="3"/>
      <c r="D131" s="3"/>
      <c r="F131" s="3"/>
      <c r="G131" s="3"/>
      <c r="H131" s="242"/>
      <c r="I131" s="242"/>
      <c r="J131" s="71" t="s">
        <v>4</v>
      </c>
      <c r="K131" s="72"/>
      <c r="L131" s="73"/>
      <c r="M131" s="73"/>
      <c r="N131" s="73"/>
      <c r="O131" s="73"/>
      <c r="P131" s="22"/>
      <c r="Q131" s="22"/>
      <c r="R131" s="22"/>
    </row>
    <row r="132" spans="1:18" x14ac:dyDescent="0.15">
      <c r="A132" s="176"/>
      <c r="B132" s="1"/>
      <c r="C132" s="66"/>
      <c r="D132" s="3"/>
      <c r="F132" s="3"/>
      <c r="G132" s="3"/>
      <c r="H132" s="242"/>
      <c r="I132" s="74" t="s">
        <v>67</v>
      </c>
      <c r="J132" s="75"/>
      <c r="K132" s="76"/>
      <c r="L132" s="73"/>
      <c r="M132" s="73"/>
      <c r="N132" s="73"/>
      <c r="O132" s="73"/>
      <c r="P132" s="22"/>
      <c r="Q132" s="22"/>
      <c r="R132" s="22"/>
    </row>
    <row r="133" spans="1:18" s="81" customFormat="1" ht="69.95" customHeight="1" x14ac:dyDescent="0.15">
      <c r="A133" s="196" t="s">
        <v>102</v>
      </c>
      <c r="B133" s="1"/>
      <c r="C133" s="257" t="s">
        <v>103</v>
      </c>
      <c r="D133" s="257"/>
      <c r="E133" s="257"/>
      <c r="F133" s="257"/>
      <c r="G133" s="257"/>
      <c r="H133" s="258"/>
      <c r="I133" s="292" t="s">
        <v>104</v>
      </c>
      <c r="J133" s="204">
        <v>0</v>
      </c>
      <c r="K133" s="80"/>
      <c r="L133" s="73"/>
      <c r="M133" s="73"/>
      <c r="N133" s="73"/>
      <c r="O133" s="73"/>
      <c r="P133" s="22"/>
      <c r="Q133" s="22"/>
      <c r="R133" s="22"/>
    </row>
    <row r="134" spans="1:18" s="81" customFormat="1" ht="69.95" customHeight="1" x14ac:dyDescent="0.15">
      <c r="A134" s="196" t="s">
        <v>105</v>
      </c>
      <c r="B134" s="88"/>
      <c r="C134" s="328" t="s">
        <v>106</v>
      </c>
      <c r="D134" s="329"/>
      <c r="E134" s="329"/>
      <c r="F134" s="329"/>
      <c r="G134" s="329"/>
      <c r="H134" s="330"/>
      <c r="I134" s="342"/>
      <c r="J134" s="204">
        <v>0</v>
      </c>
      <c r="K134" s="80"/>
      <c r="L134" s="73"/>
      <c r="M134" s="73"/>
      <c r="N134" s="73"/>
      <c r="O134" s="73"/>
      <c r="P134" s="22"/>
      <c r="Q134" s="22"/>
      <c r="R134" s="22"/>
    </row>
    <row r="135" spans="1:18" s="81" customFormat="1" ht="69.95" customHeight="1" x14ac:dyDescent="0.15">
      <c r="A135" s="196" t="s">
        <v>107</v>
      </c>
      <c r="B135" s="88"/>
      <c r="C135" s="328" t="s">
        <v>108</v>
      </c>
      <c r="D135" s="329"/>
      <c r="E135" s="329"/>
      <c r="F135" s="329"/>
      <c r="G135" s="329"/>
      <c r="H135" s="330"/>
      <c r="I135" s="334"/>
      <c r="J135" s="204">
        <v>0</v>
      </c>
      <c r="K135" s="80"/>
      <c r="L135" s="73"/>
      <c r="M135" s="73"/>
      <c r="N135" s="73"/>
      <c r="O135" s="73"/>
      <c r="P135" s="22"/>
      <c r="Q135" s="22"/>
      <c r="R135" s="22"/>
    </row>
    <row r="136" spans="1:18" s="84" customFormat="1" x14ac:dyDescent="0.15">
      <c r="A136" s="176"/>
      <c r="B136" s="19"/>
      <c r="C136" s="19"/>
      <c r="D136" s="19"/>
      <c r="E136" s="19"/>
      <c r="F136" s="19"/>
      <c r="G136" s="19"/>
      <c r="H136" s="15"/>
      <c r="I136" s="15"/>
      <c r="J136" s="82"/>
      <c r="K136" s="83"/>
      <c r="L136" s="92"/>
      <c r="M136" s="92"/>
      <c r="N136" s="92"/>
      <c r="O136" s="92"/>
      <c r="P136" s="22"/>
      <c r="Q136" s="22"/>
      <c r="R136" s="22"/>
    </row>
    <row r="137" spans="1:18" s="1" customFormat="1" ht="16.5" customHeight="1" x14ac:dyDescent="0.15">
      <c r="A137" s="176"/>
      <c r="B137" s="19"/>
      <c r="C137" s="19"/>
      <c r="D137" s="19"/>
      <c r="E137" s="19"/>
      <c r="F137" s="19"/>
      <c r="G137" s="19"/>
      <c r="H137" s="15"/>
      <c r="I137" s="15"/>
      <c r="J137" s="103"/>
      <c r="K137" s="102"/>
      <c r="L137" s="104"/>
      <c r="M137" s="104"/>
      <c r="N137" s="104"/>
      <c r="O137" s="104"/>
      <c r="P137" s="23"/>
      <c r="Q137" s="23"/>
      <c r="R137" s="23"/>
    </row>
    <row r="138" spans="1:18" s="84" customFormat="1" x14ac:dyDescent="0.15">
      <c r="A138" s="176"/>
      <c r="B138" s="107"/>
      <c r="C138" s="3"/>
      <c r="D138" s="3"/>
      <c r="E138" s="108"/>
      <c r="F138" s="108"/>
      <c r="G138" s="108"/>
      <c r="H138" s="109"/>
      <c r="I138" s="109"/>
      <c r="J138" s="82"/>
      <c r="K138" s="92"/>
      <c r="L138" s="92"/>
      <c r="M138" s="92"/>
      <c r="N138" s="22"/>
      <c r="O138" s="22"/>
      <c r="P138" s="22"/>
    </row>
    <row r="139" spans="1:18" s="84" customFormat="1" x14ac:dyDescent="0.15">
      <c r="A139" s="176"/>
      <c r="B139" s="19" t="s">
        <v>109</v>
      </c>
      <c r="C139" s="101"/>
      <c r="D139" s="101"/>
      <c r="E139" s="101"/>
      <c r="F139" s="101"/>
      <c r="G139" s="15"/>
      <c r="H139" s="15"/>
      <c r="I139" s="15"/>
      <c r="J139" s="86"/>
      <c r="K139" s="93"/>
      <c r="L139" s="93"/>
      <c r="M139" s="93"/>
      <c r="N139" s="22"/>
      <c r="O139" s="22"/>
      <c r="P139" s="22"/>
    </row>
    <row r="140" spans="1:18" x14ac:dyDescent="0.15">
      <c r="A140" s="176"/>
      <c r="B140" s="19"/>
      <c r="C140" s="19"/>
      <c r="D140" s="19"/>
      <c r="E140" s="19"/>
      <c r="F140" s="19"/>
      <c r="G140" s="19"/>
      <c r="H140" s="15"/>
      <c r="I140" s="15"/>
      <c r="K140" s="93"/>
      <c r="L140" s="93"/>
      <c r="M140" s="93"/>
      <c r="N140" s="22"/>
      <c r="O140" s="22"/>
      <c r="P140" s="22"/>
    </row>
    <row r="141" spans="1:18" x14ac:dyDescent="0.15">
      <c r="A141" s="176"/>
      <c r="B141" s="19"/>
      <c r="C141" s="3"/>
      <c r="D141" s="3"/>
      <c r="F141" s="3"/>
      <c r="G141" s="3"/>
      <c r="H141" s="242"/>
      <c r="I141" s="242"/>
      <c r="J141" s="71" t="s">
        <v>4</v>
      </c>
      <c r="K141" s="72"/>
      <c r="L141" s="73"/>
      <c r="M141" s="73"/>
      <c r="N141" s="22"/>
      <c r="O141" s="22"/>
      <c r="P141" s="22"/>
    </row>
    <row r="142" spans="1:18" x14ac:dyDescent="0.15">
      <c r="A142" s="176"/>
      <c r="B142" s="1"/>
      <c r="C142" s="3"/>
      <c r="D142" s="3"/>
      <c r="F142" s="3"/>
      <c r="G142" s="3"/>
      <c r="H142" s="242"/>
      <c r="I142" s="74" t="s">
        <v>67</v>
      </c>
      <c r="J142" s="75"/>
      <c r="K142" s="76"/>
      <c r="L142" s="73"/>
      <c r="M142" s="73"/>
      <c r="N142" s="22"/>
      <c r="O142" s="22"/>
      <c r="P142" s="22"/>
    </row>
    <row r="143" spans="1:18" s="81" customFormat="1" ht="56.1" customHeight="1" x14ac:dyDescent="0.15">
      <c r="A143" s="196" t="s">
        <v>110</v>
      </c>
      <c r="B143" s="107"/>
      <c r="C143" s="259" t="s">
        <v>111</v>
      </c>
      <c r="D143" s="260"/>
      <c r="E143" s="260"/>
      <c r="F143" s="260"/>
      <c r="G143" s="260"/>
      <c r="H143" s="261"/>
      <c r="I143" s="110" t="s">
        <v>112</v>
      </c>
      <c r="J143" s="208" t="s">
        <v>113</v>
      </c>
      <c r="K143" s="80"/>
      <c r="L143" s="73"/>
      <c r="M143" s="73"/>
      <c r="N143" s="22"/>
      <c r="O143" s="22"/>
      <c r="P143" s="22"/>
    </row>
    <row r="144" spans="1:18" s="84" customFormat="1" x14ac:dyDescent="0.15">
      <c r="A144" s="176"/>
      <c r="B144" s="19"/>
      <c r="C144" s="19"/>
      <c r="D144" s="19"/>
      <c r="E144" s="19"/>
      <c r="F144" s="19"/>
      <c r="G144" s="19"/>
      <c r="H144" s="15"/>
      <c r="I144" s="15"/>
      <c r="J144" s="82"/>
      <c r="K144" s="112"/>
      <c r="L144" s="73"/>
      <c r="M144" s="73"/>
      <c r="N144" s="22"/>
      <c r="O144" s="22"/>
      <c r="P144" s="22"/>
    </row>
    <row r="145" spans="1:18" s="81" customFormat="1" x14ac:dyDescent="0.15">
      <c r="A145" s="176"/>
      <c r="B145" s="88"/>
      <c r="C145" s="66"/>
      <c r="D145" s="66"/>
      <c r="E145" s="66"/>
      <c r="F145" s="66"/>
      <c r="G145" s="66"/>
      <c r="H145" s="91"/>
      <c r="I145" s="91"/>
      <c r="J145" s="82"/>
      <c r="K145" s="83"/>
      <c r="L145" s="83"/>
      <c r="M145" s="83"/>
      <c r="N145" s="22"/>
      <c r="O145" s="22"/>
      <c r="P145" s="22"/>
    </row>
    <row r="146" spans="1:18" s="84" customFormat="1" x14ac:dyDescent="0.15">
      <c r="A146" s="176"/>
      <c r="B146" s="1"/>
      <c r="C146" s="3"/>
      <c r="D146" s="3"/>
      <c r="E146" s="3"/>
      <c r="F146" s="3"/>
      <c r="G146" s="3"/>
      <c r="H146" s="242"/>
      <c r="I146" s="242"/>
      <c r="J146" s="86"/>
      <c r="K146" s="69"/>
      <c r="L146" s="93"/>
      <c r="M146" s="93"/>
      <c r="N146" s="93"/>
      <c r="O146" s="93"/>
      <c r="P146" s="22"/>
      <c r="Q146" s="22"/>
      <c r="R146" s="22"/>
    </row>
    <row r="147" spans="1:18" x14ac:dyDescent="0.15">
      <c r="A147" s="176"/>
      <c r="B147" s="19" t="s">
        <v>114</v>
      </c>
      <c r="C147" s="19"/>
      <c r="D147" s="19"/>
      <c r="E147" s="19"/>
      <c r="F147" s="19"/>
      <c r="G147" s="19"/>
      <c r="H147" s="15"/>
      <c r="I147" s="15"/>
      <c r="J147" s="7"/>
      <c r="L147" s="6"/>
      <c r="M147" s="6"/>
      <c r="N147" s="6"/>
      <c r="O147" s="6"/>
      <c r="P147" s="22"/>
      <c r="Q147" s="22"/>
      <c r="R147" s="22"/>
    </row>
    <row r="148" spans="1:18" x14ac:dyDescent="0.15">
      <c r="A148" s="176"/>
      <c r="B148" s="19"/>
      <c r="C148" s="19"/>
      <c r="D148" s="19"/>
      <c r="E148" s="19"/>
      <c r="F148" s="19"/>
      <c r="G148" s="19"/>
      <c r="H148" s="15"/>
      <c r="I148" s="15"/>
      <c r="L148" s="73"/>
      <c r="M148" s="73"/>
      <c r="N148" s="73"/>
      <c r="O148" s="113"/>
      <c r="P148" s="22"/>
      <c r="Q148" s="22"/>
      <c r="R148" s="22"/>
    </row>
    <row r="149" spans="1:18" ht="27" x14ac:dyDescent="0.15">
      <c r="A149" s="176"/>
      <c r="B149" s="19"/>
      <c r="C149" s="3"/>
      <c r="D149" s="3"/>
      <c r="F149" s="3"/>
      <c r="G149" s="3"/>
      <c r="H149" s="242"/>
      <c r="I149" s="242"/>
      <c r="J149" s="71" t="s">
        <v>4</v>
      </c>
      <c r="K149" s="72"/>
      <c r="L149" s="114" t="s">
        <v>115</v>
      </c>
      <c r="M149" s="114" t="s">
        <v>116</v>
      </c>
      <c r="N149" s="114" t="s">
        <v>117</v>
      </c>
      <c r="O149" s="114" t="s">
        <v>118</v>
      </c>
      <c r="P149" s="22"/>
      <c r="Q149" s="22"/>
      <c r="R149" s="22"/>
    </row>
    <row r="150" spans="1:18" x14ac:dyDescent="0.15">
      <c r="A150" s="176"/>
      <c r="B150" s="1"/>
      <c r="C150" s="66"/>
      <c r="D150" s="3"/>
      <c r="F150" s="3"/>
      <c r="G150" s="3"/>
      <c r="H150" s="242"/>
      <c r="I150" s="74" t="s">
        <v>67</v>
      </c>
      <c r="J150" s="75"/>
      <c r="K150" s="76"/>
      <c r="L150" s="115"/>
      <c r="M150" s="115"/>
      <c r="N150" s="115"/>
      <c r="O150" s="115"/>
      <c r="P150" s="22"/>
      <c r="Q150" s="22"/>
      <c r="R150" s="22"/>
    </row>
    <row r="151" spans="1:18" s="81" customFormat="1" ht="34.5" customHeight="1" x14ac:dyDescent="0.15">
      <c r="A151" s="196" t="s">
        <v>119</v>
      </c>
      <c r="B151" s="116"/>
      <c r="C151" s="257" t="s">
        <v>120</v>
      </c>
      <c r="D151" s="314"/>
      <c r="E151" s="314"/>
      <c r="F151" s="314"/>
      <c r="G151" s="257" t="s">
        <v>121</v>
      </c>
      <c r="H151" s="314"/>
      <c r="I151" s="339" t="s">
        <v>122</v>
      </c>
      <c r="J151" s="209">
        <v>2</v>
      </c>
      <c r="K151" s="118"/>
      <c r="L151" s="119"/>
      <c r="M151" s="119"/>
      <c r="N151" s="119"/>
      <c r="O151" s="120"/>
      <c r="P151" s="22"/>
      <c r="Q151" s="22"/>
      <c r="R151" s="22"/>
    </row>
    <row r="152" spans="1:18" s="81" customFormat="1" ht="34.5" customHeight="1" x14ac:dyDescent="0.15">
      <c r="A152" s="196" t="s">
        <v>119</v>
      </c>
      <c r="B152" s="88"/>
      <c r="C152" s="314"/>
      <c r="D152" s="314"/>
      <c r="E152" s="314"/>
      <c r="F152" s="314"/>
      <c r="G152" s="257" t="s">
        <v>123</v>
      </c>
      <c r="H152" s="314"/>
      <c r="I152" s="340"/>
      <c r="J152" s="210">
        <v>1</v>
      </c>
      <c r="K152" s="122"/>
      <c r="L152" s="123"/>
      <c r="M152" s="123"/>
      <c r="N152" s="123"/>
      <c r="O152" s="124"/>
      <c r="P152" s="22"/>
      <c r="Q152" s="22"/>
      <c r="R152" s="22"/>
    </row>
    <row r="153" spans="1:18" s="81" customFormat="1" ht="34.5" customHeight="1" x14ac:dyDescent="0.15">
      <c r="A153" s="196" t="s">
        <v>124</v>
      </c>
      <c r="B153" s="116"/>
      <c r="C153" s="257" t="s">
        <v>125</v>
      </c>
      <c r="D153" s="314"/>
      <c r="E153" s="314"/>
      <c r="F153" s="314"/>
      <c r="G153" s="257" t="s">
        <v>121</v>
      </c>
      <c r="H153" s="314"/>
      <c r="I153" s="340"/>
      <c r="J153" s="209">
        <v>0</v>
      </c>
      <c r="K153" s="118"/>
      <c r="L153" s="125"/>
      <c r="M153" s="125"/>
      <c r="N153" s="125"/>
      <c r="O153" s="126"/>
      <c r="P153" s="22"/>
      <c r="Q153" s="22"/>
      <c r="R153" s="22"/>
    </row>
    <row r="154" spans="1:18" s="81" customFormat="1" ht="34.5" customHeight="1" x14ac:dyDescent="0.15">
      <c r="A154" s="196" t="s">
        <v>124</v>
      </c>
      <c r="B154" s="88"/>
      <c r="C154" s="314"/>
      <c r="D154" s="314"/>
      <c r="E154" s="314"/>
      <c r="F154" s="314"/>
      <c r="G154" s="257" t="s">
        <v>123</v>
      </c>
      <c r="H154" s="314"/>
      <c r="I154" s="340"/>
      <c r="J154" s="210">
        <v>0</v>
      </c>
      <c r="K154" s="122"/>
      <c r="L154" s="123"/>
      <c r="M154" s="123"/>
      <c r="N154" s="123"/>
      <c r="O154" s="124"/>
      <c r="P154" s="22"/>
      <c r="Q154" s="22"/>
      <c r="R154" s="22"/>
    </row>
    <row r="155" spans="1:18" s="81" customFormat="1" ht="34.5" customHeight="1" x14ac:dyDescent="0.15">
      <c r="A155" s="196" t="s">
        <v>126</v>
      </c>
      <c r="B155" s="116"/>
      <c r="C155" s="257" t="s">
        <v>127</v>
      </c>
      <c r="D155" s="257"/>
      <c r="E155" s="257"/>
      <c r="F155" s="257"/>
      <c r="G155" s="257" t="s">
        <v>121</v>
      </c>
      <c r="H155" s="257"/>
      <c r="I155" s="340"/>
      <c r="J155" s="209">
        <v>4</v>
      </c>
      <c r="K155" s="118" t="str">
        <f t="shared" ref="K155:K170" si="1">IF(OR(COUNTIF(L155:O155,"未確認")&gt;0,COUNTIF(L155:O155,"*")&gt;0),"※","")</f>
        <v/>
      </c>
      <c r="L155" s="211">
        <v>0</v>
      </c>
      <c r="M155" s="211">
        <v>0</v>
      </c>
      <c r="N155" s="211">
        <v>1</v>
      </c>
      <c r="O155" s="211">
        <v>3</v>
      </c>
      <c r="P155" s="22"/>
      <c r="Q155" s="22"/>
      <c r="R155" s="22"/>
    </row>
    <row r="156" spans="1:18" s="81" customFormat="1" ht="34.5" customHeight="1" x14ac:dyDescent="0.15">
      <c r="A156" s="196" t="s">
        <v>126</v>
      </c>
      <c r="B156" s="116"/>
      <c r="C156" s="257"/>
      <c r="D156" s="257"/>
      <c r="E156" s="257"/>
      <c r="F156" s="257"/>
      <c r="G156" s="257" t="s">
        <v>123</v>
      </c>
      <c r="H156" s="258"/>
      <c r="I156" s="340"/>
      <c r="J156" s="210">
        <v>3</v>
      </c>
      <c r="K156" s="118" t="str">
        <f t="shared" si="1"/>
        <v/>
      </c>
      <c r="L156" s="212">
        <v>0</v>
      </c>
      <c r="M156" s="212">
        <v>0</v>
      </c>
      <c r="N156" s="212">
        <v>1</v>
      </c>
      <c r="O156" s="212">
        <v>2</v>
      </c>
      <c r="P156" s="22"/>
      <c r="Q156" s="22"/>
      <c r="R156" s="22"/>
    </row>
    <row r="157" spans="1:18" s="81" customFormat="1" ht="34.5" customHeight="1" x14ac:dyDescent="0.15">
      <c r="A157" s="196" t="s">
        <v>128</v>
      </c>
      <c r="B157" s="116"/>
      <c r="C157" s="257" t="s">
        <v>129</v>
      </c>
      <c r="D157" s="258"/>
      <c r="E157" s="258"/>
      <c r="F157" s="258"/>
      <c r="G157" s="257" t="s">
        <v>121</v>
      </c>
      <c r="H157" s="258"/>
      <c r="I157" s="340"/>
      <c r="J157" s="209">
        <v>6</v>
      </c>
      <c r="K157" s="118" t="str">
        <f t="shared" si="1"/>
        <v/>
      </c>
      <c r="L157" s="211">
        <v>0</v>
      </c>
      <c r="M157" s="211">
        <v>0</v>
      </c>
      <c r="N157" s="211">
        <v>1</v>
      </c>
      <c r="O157" s="211">
        <v>5</v>
      </c>
      <c r="P157" s="22"/>
      <c r="Q157" s="22"/>
      <c r="R157" s="22"/>
    </row>
    <row r="158" spans="1:18" s="81" customFormat="1" ht="34.5" customHeight="1" x14ac:dyDescent="0.15">
      <c r="A158" s="196" t="s">
        <v>128</v>
      </c>
      <c r="B158" s="116"/>
      <c r="C158" s="258"/>
      <c r="D158" s="258"/>
      <c r="E158" s="258"/>
      <c r="F158" s="258"/>
      <c r="G158" s="257" t="s">
        <v>123</v>
      </c>
      <c r="H158" s="258"/>
      <c r="I158" s="340"/>
      <c r="J158" s="210">
        <v>2.1</v>
      </c>
      <c r="K158" s="118" t="str">
        <f t="shared" si="1"/>
        <v/>
      </c>
      <c r="L158" s="212">
        <v>0</v>
      </c>
      <c r="M158" s="212">
        <v>0</v>
      </c>
      <c r="N158" s="212">
        <v>0</v>
      </c>
      <c r="O158" s="212">
        <v>2.1</v>
      </c>
      <c r="P158" s="22"/>
      <c r="Q158" s="22"/>
      <c r="R158" s="22"/>
    </row>
    <row r="159" spans="1:18" s="81" customFormat="1" ht="34.5" customHeight="1" x14ac:dyDescent="0.15">
      <c r="A159" s="196" t="s">
        <v>130</v>
      </c>
      <c r="B159" s="116"/>
      <c r="C159" s="257" t="s">
        <v>131</v>
      </c>
      <c r="D159" s="258"/>
      <c r="E159" s="258"/>
      <c r="F159" s="258"/>
      <c r="G159" s="257" t="s">
        <v>121</v>
      </c>
      <c r="H159" s="258"/>
      <c r="I159" s="340"/>
      <c r="J159" s="209">
        <v>0</v>
      </c>
      <c r="K159" s="118" t="str">
        <f t="shared" si="1"/>
        <v/>
      </c>
      <c r="L159" s="211">
        <v>0</v>
      </c>
      <c r="M159" s="211">
        <v>0</v>
      </c>
      <c r="N159" s="211">
        <v>0</v>
      </c>
      <c r="O159" s="211">
        <v>0</v>
      </c>
      <c r="P159" s="22"/>
      <c r="Q159" s="22"/>
      <c r="R159" s="22"/>
    </row>
    <row r="160" spans="1:18" s="81" customFormat="1" ht="34.5" customHeight="1" x14ac:dyDescent="0.15">
      <c r="A160" s="196" t="s">
        <v>130</v>
      </c>
      <c r="B160" s="116"/>
      <c r="C160" s="258"/>
      <c r="D160" s="258"/>
      <c r="E160" s="258"/>
      <c r="F160" s="258"/>
      <c r="G160" s="257" t="s">
        <v>123</v>
      </c>
      <c r="H160" s="258"/>
      <c r="I160" s="340"/>
      <c r="J160" s="210">
        <v>0</v>
      </c>
      <c r="K160" s="118" t="str">
        <f t="shared" si="1"/>
        <v/>
      </c>
      <c r="L160" s="212">
        <v>0</v>
      </c>
      <c r="M160" s="212">
        <v>0</v>
      </c>
      <c r="N160" s="212">
        <v>0</v>
      </c>
      <c r="O160" s="212">
        <v>0</v>
      </c>
      <c r="P160" s="22"/>
      <c r="Q160" s="22"/>
      <c r="R160" s="22"/>
    </row>
    <row r="161" spans="1:18" s="81" customFormat="1" ht="34.5" customHeight="1" x14ac:dyDescent="0.15">
      <c r="A161" s="196" t="s">
        <v>132</v>
      </c>
      <c r="B161" s="116"/>
      <c r="C161" s="257" t="s">
        <v>133</v>
      </c>
      <c r="D161" s="258"/>
      <c r="E161" s="258"/>
      <c r="F161" s="258"/>
      <c r="G161" s="257" t="s">
        <v>121</v>
      </c>
      <c r="H161" s="258"/>
      <c r="I161" s="340"/>
      <c r="J161" s="209">
        <v>0</v>
      </c>
      <c r="K161" s="118" t="str">
        <f t="shared" si="1"/>
        <v/>
      </c>
      <c r="L161" s="211">
        <v>0</v>
      </c>
      <c r="M161" s="211">
        <v>0</v>
      </c>
      <c r="N161" s="211">
        <v>0</v>
      </c>
      <c r="O161" s="211">
        <v>0</v>
      </c>
      <c r="P161" s="22"/>
      <c r="Q161" s="22"/>
      <c r="R161" s="22"/>
    </row>
    <row r="162" spans="1:18" s="81" customFormat="1" ht="34.5" customHeight="1" x14ac:dyDescent="0.15">
      <c r="A162" s="196" t="s">
        <v>132</v>
      </c>
      <c r="B162" s="88"/>
      <c r="C162" s="258"/>
      <c r="D162" s="258"/>
      <c r="E162" s="258"/>
      <c r="F162" s="258"/>
      <c r="G162" s="257" t="s">
        <v>123</v>
      </c>
      <c r="H162" s="258"/>
      <c r="I162" s="340"/>
      <c r="J162" s="210">
        <v>0</v>
      </c>
      <c r="K162" s="118" t="str">
        <f t="shared" si="1"/>
        <v/>
      </c>
      <c r="L162" s="212">
        <v>0</v>
      </c>
      <c r="M162" s="212">
        <v>0</v>
      </c>
      <c r="N162" s="212">
        <v>0</v>
      </c>
      <c r="O162" s="212">
        <v>0</v>
      </c>
      <c r="P162" s="22"/>
      <c r="Q162" s="22"/>
      <c r="R162" s="22"/>
    </row>
    <row r="163" spans="1:18" s="81" customFormat="1" ht="34.5" customHeight="1" x14ac:dyDescent="0.15">
      <c r="A163" s="196" t="s">
        <v>134</v>
      </c>
      <c r="B163" s="88"/>
      <c r="C163" s="257" t="s">
        <v>135</v>
      </c>
      <c r="D163" s="258"/>
      <c r="E163" s="258"/>
      <c r="F163" s="258"/>
      <c r="G163" s="257" t="s">
        <v>121</v>
      </c>
      <c r="H163" s="258"/>
      <c r="I163" s="340"/>
      <c r="J163" s="209">
        <v>0</v>
      </c>
      <c r="K163" s="118" t="str">
        <f t="shared" si="1"/>
        <v/>
      </c>
      <c r="L163" s="211">
        <v>0</v>
      </c>
      <c r="M163" s="211">
        <v>0</v>
      </c>
      <c r="N163" s="211">
        <v>0</v>
      </c>
      <c r="O163" s="211">
        <v>0</v>
      </c>
      <c r="P163" s="22"/>
      <c r="Q163" s="22"/>
      <c r="R163" s="22"/>
    </row>
    <row r="164" spans="1:18" s="81" customFormat="1" ht="34.5" customHeight="1" x14ac:dyDescent="0.15">
      <c r="A164" s="196" t="s">
        <v>134</v>
      </c>
      <c r="B164" s="88"/>
      <c r="C164" s="258"/>
      <c r="D164" s="258"/>
      <c r="E164" s="258"/>
      <c r="F164" s="258"/>
      <c r="G164" s="257" t="s">
        <v>123</v>
      </c>
      <c r="H164" s="258"/>
      <c r="I164" s="340"/>
      <c r="J164" s="210">
        <v>0</v>
      </c>
      <c r="K164" s="118" t="str">
        <f t="shared" si="1"/>
        <v/>
      </c>
      <c r="L164" s="212">
        <v>0</v>
      </c>
      <c r="M164" s="212">
        <v>0</v>
      </c>
      <c r="N164" s="212">
        <v>0</v>
      </c>
      <c r="O164" s="212">
        <v>0</v>
      </c>
      <c r="P164" s="22"/>
      <c r="Q164" s="22"/>
      <c r="R164" s="22"/>
    </row>
    <row r="165" spans="1:18" s="81" customFormat="1" ht="34.5" customHeight="1" x14ac:dyDescent="0.15">
      <c r="A165" s="196" t="s">
        <v>136</v>
      </c>
      <c r="B165" s="88"/>
      <c r="C165" s="257" t="s">
        <v>137</v>
      </c>
      <c r="D165" s="258"/>
      <c r="E165" s="258"/>
      <c r="F165" s="258"/>
      <c r="G165" s="257" t="s">
        <v>121</v>
      </c>
      <c r="H165" s="258"/>
      <c r="I165" s="340"/>
      <c r="J165" s="209">
        <v>0</v>
      </c>
      <c r="K165" s="118" t="str">
        <f t="shared" si="1"/>
        <v/>
      </c>
      <c r="L165" s="211">
        <v>0</v>
      </c>
      <c r="M165" s="211">
        <v>0</v>
      </c>
      <c r="N165" s="211">
        <v>0</v>
      </c>
      <c r="O165" s="211">
        <v>0</v>
      </c>
      <c r="P165" s="22"/>
      <c r="Q165" s="22"/>
      <c r="R165" s="22"/>
    </row>
    <row r="166" spans="1:18" s="81" customFormat="1" ht="34.5" customHeight="1" x14ac:dyDescent="0.15">
      <c r="A166" s="196" t="s">
        <v>136</v>
      </c>
      <c r="B166" s="88"/>
      <c r="C166" s="258"/>
      <c r="D166" s="258"/>
      <c r="E166" s="258"/>
      <c r="F166" s="258"/>
      <c r="G166" s="257" t="s">
        <v>123</v>
      </c>
      <c r="H166" s="258"/>
      <c r="I166" s="340"/>
      <c r="J166" s="210">
        <v>0</v>
      </c>
      <c r="K166" s="118" t="str">
        <f t="shared" si="1"/>
        <v/>
      </c>
      <c r="L166" s="212">
        <v>0</v>
      </c>
      <c r="M166" s="212">
        <v>0</v>
      </c>
      <c r="N166" s="212">
        <v>0</v>
      </c>
      <c r="O166" s="212">
        <v>0</v>
      </c>
      <c r="P166" s="22"/>
      <c r="Q166" s="22"/>
      <c r="R166" s="22"/>
    </row>
    <row r="167" spans="1:18" s="81" customFormat="1" ht="34.5" customHeight="1" x14ac:dyDescent="0.15">
      <c r="A167" s="196" t="s">
        <v>138</v>
      </c>
      <c r="B167" s="88"/>
      <c r="C167" s="257" t="s">
        <v>139</v>
      </c>
      <c r="D167" s="258"/>
      <c r="E167" s="258"/>
      <c r="F167" s="258"/>
      <c r="G167" s="257" t="s">
        <v>121</v>
      </c>
      <c r="H167" s="258"/>
      <c r="I167" s="340"/>
      <c r="J167" s="209">
        <v>0</v>
      </c>
      <c r="K167" s="118" t="str">
        <f t="shared" si="1"/>
        <v/>
      </c>
      <c r="L167" s="211">
        <v>0</v>
      </c>
      <c r="M167" s="211">
        <v>0</v>
      </c>
      <c r="N167" s="211">
        <v>0</v>
      </c>
      <c r="O167" s="211">
        <v>0</v>
      </c>
      <c r="P167" s="22"/>
      <c r="Q167" s="22"/>
      <c r="R167" s="22"/>
    </row>
    <row r="168" spans="1:18" s="81" customFormat="1" ht="34.5" customHeight="1" x14ac:dyDescent="0.15">
      <c r="A168" s="196" t="s">
        <v>138</v>
      </c>
      <c r="B168" s="88"/>
      <c r="C168" s="258"/>
      <c r="D168" s="258"/>
      <c r="E168" s="258"/>
      <c r="F168" s="258"/>
      <c r="G168" s="257" t="s">
        <v>123</v>
      </c>
      <c r="H168" s="258"/>
      <c r="I168" s="340"/>
      <c r="J168" s="210">
        <v>0</v>
      </c>
      <c r="K168" s="118" t="str">
        <f t="shared" si="1"/>
        <v/>
      </c>
      <c r="L168" s="212">
        <v>0</v>
      </c>
      <c r="M168" s="212">
        <v>0</v>
      </c>
      <c r="N168" s="212">
        <v>0</v>
      </c>
      <c r="O168" s="212">
        <v>0</v>
      </c>
      <c r="P168" s="22"/>
      <c r="Q168" s="22"/>
      <c r="R168" s="22"/>
    </row>
    <row r="169" spans="1:18" s="81" customFormat="1" ht="34.5" customHeight="1" x14ac:dyDescent="0.15">
      <c r="A169" s="196" t="s">
        <v>140</v>
      </c>
      <c r="B169" s="88"/>
      <c r="C169" s="257" t="s">
        <v>141</v>
      </c>
      <c r="D169" s="258"/>
      <c r="E169" s="258"/>
      <c r="F169" s="258"/>
      <c r="G169" s="257" t="s">
        <v>121</v>
      </c>
      <c r="H169" s="258"/>
      <c r="I169" s="340"/>
      <c r="J169" s="209">
        <v>0</v>
      </c>
      <c r="K169" s="118" t="str">
        <f t="shared" si="1"/>
        <v/>
      </c>
      <c r="L169" s="211">
        <v>0</v>
      </c>
      <c r="M169" s="211">
        <v>0</v>
      </c>
      <c r="N169" s="211">
        <v>0</v>
      </c>
      <c r="O169" s="211">
        <v>0</v>
      </c>
      <c r="P169" s="22"/>
      <c r="Q169" s="22"/>
      <c r="R169" s="22"/>
    </row>
    <row r="170" spans="1:18" s="81" customFormat="1" ht="34.5" customHeight="1" x14ac:dyDescent="0.15">
      <c r="A170" s="196" t="s">
        <v>140</v>
      </c>
      <c r="B170" s="88"/>
      <c r="C170" s="258"/>
      <c r="D170" s="258"/>
      <c r="E170" s="258"/>
      <c r="F170" s="258"/>
      <c r="G170" s="257" t="s">
        <v>123</v>
      </c>
      <c r="H170" s="258"/>
      <c r="I170" s="340"/>
      <c r="J170" s="210">
        <v>0</v>
      </c>
      <c r="K170" s="118" t="str">
        <f t="shared" si="1"/>
        <v/>
      </c>
      <c r="L170" s="212">
        <v>0</v>
      </c>
      <c r="M170" s="212">
        <v>0</v>
      </c>
      <c r="N170" s="212">
        <v>0</v>
      </c>
      <c r="O170" s="212">
        <v>0</v>
      </c>
      <c r="P170" s="22"/>
      <c r="Q170" s="22"/>
      <c r="R170" s="22"/>
    </row>
    <row r="171" spans="1:18" s="81" customFormat="1" ht="34.5" customHeight="1" x14ac:dyDescent="0.15">
      <c r="A171" s="196" t="s">
        <v>142</v>
      </c>
      <c r="B171" s="88"/>
      <c r="C171" s="257" t="s">
        <v>143</v>
      </c>
      <c r="D171" s="314"/>
      <c r="E171" s="314"/>
      <c r="F171" s="314"/>
      <c r="G171" s="257" t="s">
        <v>121</v>
      </c>
      <c r="H171" s="314"/>
      <c r="I171" s="340"/>
      <c r="J171" s="209">
        <v>0</v>
      </c>
      <c r="K171" s="118"/>
      <c r="L171" s="125"/>
      <c r="M171" s="125"/>
      <c r="N171" s="125"/>
      <c r="O171" s="126"/>
      <c r="P171" s="22"/>
      <c r="Q171" s="22"/>
      <c r="R171" s="22"/>
    </row>
    <row r="172" spans="1:18" s="81" customFormat="1" ht="34.5" customHeight="1" x14ac:dyDescent="0.15">
      <c r="A172" s="196" t="s">
        <v>142</v>
      </c>
      <c r="B172" s="88"/>
      <c r="C172" s="314"/>
      <c r="D172" s="314"/>
      <c r="E172" s="314"/>
      <c r="F172" s="314"/>
      <c r="G172" s="257" t="s">
        <v>123</v>
      </c>
      <c r="H172" s="314"/>
      <c r="I172" s="340"/>
      <c r="J172" s="210">
        <v>0</v>
      </c>
      <c r="K172" s="122"/>
      <c r="L172" s="123"/>
      <c r="M172" s="123"/>
      <c r="N172" s="123"/>
      <c r="O172" s="124"/>
      <c r="P172" s="22"/>
      <c r="Q172" s="22"/>
      <c r="R172" s="22"/>
    </row>
    <row r="173" spans="1:18" s="81" customFormat="1" ht="34.5" customHeight="1" x14ac:dyDescent="0.15">
      <c r="A173" s="196" t="s">
        <v>144</v>
      </c>
      <c r="B173" s="88"/>
      <c r="C173" s="257" t="s">
        <v>145</v>
      </c>
      <c r="D173" s="314"/>
      <c r="E173" s="314"/>
      <c r="F173" s="314"/>
      <c r="G173" s="257" t="s">
        <v>121</v>
      </c>
      <c r="H173" s="314"/>
      <c r="I173" s="340"/>
      <c r="J173" s="209">
        <v>0</v>
      </c>
      <c r="K173" s="118"/>
      <c r="L173" s="125"/>
      <c r="M173" s="125"/>
      <c r="N173" s="125"/>
      <c r="O173" s="126"/>
      <c r="P173" s="22"/>
      <c r="Q173" s="22"/>
      <c r="R173" s="22"/>
    </row>
    <row r="174" spans="1:18" s="81" customFormat="1" ht="34.5" customHeight="1" x14ac:dyDescent="0.15">
      <c r="A174" s="196" t="s">
        <v>144</v>
      </c>
      <c r="B174" s="88"/>
      <c r="C174" s="314"/>
      <c r="D174" s="314"/>
      <c r="E174" s="314"/>
      <c r="F174" s="314"/>
      <c r="G174" s="257" t="s">
        <v>123</v>
      </c>
      <c r="H174" s="314"/>
      <c r="I174" s="340"/>
      <c r="J174" s="210">
        <v>0</v>
      </c>
      <c r="K174" s="122"/>
      <c r="L174" s="123"/>
      <c r="M174" s="123"/>
      <c r="N174" s="123"/>
      <c r="O174" s="124"/>
      <c r="P174" s="22"/>
      <c r="Q174" s="22"/>
      <c r="R174" s="22"/>
    </row>
    <row r="175" spans="1:18" s="81" customFormat="1" ht="34.5" customHeight="1" x14ac:dyDescent="0.15">
      <c r="A175" s="196" t="s">
        <v>146</v>
      </c>
      <c r="B175" s="88"/>
      <c r="C175" s="257" t="s">
        <v>147</v>
      </c>
      <c r="D175" s="258"/>
      <c r="E175" s="258"/>
      <c r="F175" s="258"/>
      <c r="G175" s="257" t="s">
        <v>121</v>
      </c>
      <c r="H175" s="314"/>
      <c r="I175" s="340"/>
      <c r="J175" s="209">
        <v>5</v>
      </c>
      <c r="K175" s="118" t="str">
        <f>IF(OR(COUNTIF(L175:O175,"未確認")&gt;0,COUNTIF(L175:O175,"*")&gt;0),"※","")</f>
        <v/>
      </c>
      <c r="L175" s="211">
        <v>0</v>
      </c>
      <c r="M175" s="211">
        <v>0</v>
      </c>
      <c r="N175" s="211">
        <v>0</v>
      </c>
      <c r="O175" s="211">
        <v>5</v>
      </c>
      <c r="P175" s="22"/>
      <c r="Q175" s="22"/>
      <c r="R175" s="22"/>
    </row>
    <row r="176" spans="1:18" s="81" customFormat="1" ht="34.5" customHeight="1" x14ac:dyDescent="0.15">
      <c r="A176" s="196" t="s">
        <v>146</v>
      </c>
      <c r="B176" s="88"/>
      <c r="C176" s="258"/>
      <c r="D176" s="258"/>
      <c r="E176" s="258"/>
      <c r="F176" s="258"/>
      <c r="G176" s="257" t="s">
        <v>123</v>
      </c>
      <c r="H176" s="314"/>
      <c r="I176" s="340"/>
      <c r="J176" s="210">
        <v>0</v>
      </c>
      <c r="K176" s="118" t="str">
        <f>IF(OR(COUNTIF(L176:O176,"未確認")&gt;0,COUNTIF(L176:O176,"*")&gt;0),"※","")</f>
        <v/>
      </c>
      <c r="L176" s="212">
        <v>0</v>
      </c>
      <c r="M176" s="212">
        <v>0</v>
      </c>
      <c r="N176" s="212">
        <v>0</v>
      </c>
      <c r="O176" s="212">
        <v>0</v>
      </c>
      <c r="P176" s="22"/>
      <c r="Q176" s="22"/>
      <c r="R176" s="22"/>
    </row>
    <row r="177" spans="1:18" s="81" customFormat="1" ht="34.5" customHeight="1" x14ac:dyDescent="0.15">
      <c r="A177" s="196" t="s">
        <v>148</v>
      </c>
      <c r="B177" s="88"/>
      <c r="C177" s="257" t="s">
        <v>149</v>
      </c>
      <c r="D177" s="314"/>
      <c r="E177" s="314"/>
      <c r="F177" s="314"/>
      <c r="G177" s="257" t="s">
        <v>121</v>
      </c>
      <c r="H177" s="314"/>
      <c r="I177" s="340"/>
      <c r="J177" s="209">
        <v>0</v>
      </c>
      <c r="K177" s="118" t="str">
        <f>IF(OR(COUNTIF(L177:O177,"未確認")&gt;0,COUNTIF(L177:O177,"*")&gt;0),"※","")</f>
        <v/>
      </c>
      <c r="L177" s="211">
        <v>0</v>
      </c>
      <c r="M177" s="211">
        <v>0</v>
      </c>
      <c r="N177" s="211">
        <v>0</v>
      </c>
      <c r="O177" s="211">
        <v>0</v>
      </c>
      <c r="P177" s="22"/>
      <c r="Q177" s="22"/>
      <c r="R177" s="22"/>
    </row>
    <row r="178" spans="1:18" s="81" customFormat="1" ht="34.5" customHeight="1" x14ac:dyDescent="0.15">
      <c r="A178" s="196" t="s">
        <v>148</v>
      </c>
      <c r="B178" s="88"/>
      <c r="C178" s="314"/>
      <c r="D178" s="314"/>
      <c r="E178" s="314"/>
      <c r="F178" s="314"/>
      <c r="G178" s="257" t="s">
        <v>123</v>
      </c>
      <c r="H178" s="314"/>
      <c r="I178" s="341"/>
      <c r="J178" s="210">
        <v>0</v>
      </c>
      <c r="K178" s="118" t="str">
        <f>IF(OR(COUNTIF(L178:O178,"未確認")&gt;0,COUNTIF(L178:O178,"*")&gt;0),"※","")</f>
        <v/>
      </c>
      <c r="L178" s="212">
        <v>0</v>
      </c>
      <c r="M178" s="212">
        <v>0</v>
      </c>
      <c r="N178" s="212">
        <v>0</v>
      </c>
      <c r="O178" s="212">
        <v>0</v>
      </c>
      <c r="P178" s="22"/>
      <c r="Q178" s="22"/>
      <c r="R178" s="22"/>
    </row>
    <row r="179" spans="1:18" s="84" customFormat="1" x14ac:dyDescent="0.15">
      <c r="A179" s="176"/>
      <c r="B179" s="19"/>
      <c r="C179" s="19"/>
      <c r="D179" s="19"/>
      <c r="E179" s="19"/>
      <c r="F179" s="19"/>
      <c r="G179" s="19"/>
      <c r="H179" s="15"/>
      <c r="I179" s="15"/>
      <c r="J179" s="82"/>
      <c r="K179" s="83"/>
      <c r="L179" s="92"/>
      <c r="M179" s="92"/>
      <c r="N179" s="92"/>
      <c r="O179" s="92"/>
      <c r="P179" s="22"/>
      <c r="Q179" s="22"/>
      <c r="R179" s="22"/>
    </row>
    <row r="180" spans="1:18" s="84" customFormat="1" x14ac:dyDescent="0.15">
      <c r="A180" s="176"/>
      <c r="B180" s="88"/>
      <c r="C180" s="3"/>
      <c r="D180" s="3"/>
      <c r="E180" s="3"/>
      <c r="F180" s="3"/>
      <c r="G180" s="3"/>
      <c r="H180" s="242"/>
      <c r="I180" s="242"/>
      <c r="J180" s="69"/>
      <c r="K180" s="69"/>
      <c r="L180" s="93"/>
      <c r="M180" s="93"/>
      <c r="N180" s="93"/>
      <c r="O180" s="93"/>
      <c r="P180" s="22"/>
      <c r="Q180" s="22"/>
      <c r="R180" s="22"/>
    </row>
    <row r="181" spans="1:18" s="84" customFormat="1" x14ac:dyDescent="0.15">
      <c r="A181" s="176"/>
      <c r="B181" s="88"/>
      <c r="C181" s="3"/>
      <c r="D181" s="3"/>
      <c r="E181" s="3"/>
      <c r="F181" s="3"/>
      <c r="G181" s="3"/>
      <c r="H181" s="242"/>
      <c r="I181" s="242"/>
      <c r="J181" s="69"/>
      <c r="K181" s="69"/>
      <c r="L181" s="93"/>
      <c r="M181" s="93"/>
      <c r="N181" s="93"/>
      <c r="O181" s="93"/>
      <c r="P181" s="22"/>
      <c r="Q181" s="22"/>
      <c r="R181" s="22"/>
    </row>
    <row r="182" spans="1:18" s="84" customFormat="1" x14ac:dyDescent="0.15">
      <c r="A182" s="176"/>
      <c r="B182" s="19" t="s">
        <v>150</v>
      </c>
      <c r="C182" s="19"/>
      <c r="D182" s="19"/>
      <c r="E182" s="19"/>
      <c r="F182" s="19"/>
      <c r="G182" s="19"/>
      <c r="H182" s="15"/>
      <c r="I182" s="15"/>
      <c r="J182" s="69"/>
      <c r="K182" s="69"/>
      <c r="L182" s="93"/>
      <c r="M182" s="93"/>
      <c r="N182" s="93"/>
      <c r="O182" s="93"/>
      <c r="P182" s="22"/>
      <c r="Q182" s="22"/>
      <c r="R182" s="22"/>
    </row>
    <row r="183" spans="1:18" x14ac:dyDescent="0.15">
      <c r="A183" s="176"/>
      <c r="B183" s="19"/>
      <c r="C183" s="19"/>
      <c r="D183" s="19"/>
      <c r="E183" s="19"/>
      <c r="F183" s="19"/>
      <c r="G183" s="19"/>
      <c r="H183" s="15"/>
      <c r="I183" s="15"/>
      <c r="L183" s="93"/>
      <c r="M183" s="93"/>
      <c r="N183" s="93"/>
      <c r="O183" s="93"/>
      <c r="P183" s="22"/>
      <c r="Q183" s="22"/>
      <c r="R183" s="22"/>
    </row>
    <row r="184" spans="1:18" x14ac:dyDescent="0.15">
      <c r="A184" s="176"/>
      <c r="B184" s="19"/>
      <c r="C184" s="3"/>
      <c r="D184" s="3"/>
      <c r="F184" s="3"/>
      <c r="G184" s="3"/>
      <c r="H184" s="242"/>
      <c r="I184" s="242"/>
      <c r="J184" s="71" t="s">
        <v>4</v>
      </c>
      <c r="K184" s="72"/>
      <c r="L184" s="93"/>
      <c r="M184" s="93"/>
      <c r="N184" s="93"/>
      <c r="O184" s="93"/>
      <c r="P184" s="22"/>
      <c r="Q184" s="22"/>
      <c r="R184" s="22"/>
    </row>
    <row r="185" spans="1:18" x14ac:dyDescent="0.15">
      <c r="A185" s="176"/>
      <c r="B185" s="1"/>
      <c r="C185" s="66"/>
      <c r="D185" s="3"/>
      <c r="F185" s="3"/>
      <c r="G185" s="3"/>
      <c r="H185" s="242"/>
      <c r="I185" s="74" t="s">
        <v>67</v>
      </c>
      <c r="J185" s="75"/>
      <c r="K185" s="76"/>
      <c r="L185" s="93"/>
      <c r="M185" s="93"/>
      <c r="N185" s="93"/>
      <c r="O185" s="93"/>
      <c r="P185" s="22"/>
      <c r="Q185" s="22"/>
      <c r="R185" s="22"/>
    </row>
    <row r="186" spans="1:18" s="81" customFormat="1" ht="34.5" customHeight="1" x14ac:dyDescent="0.15">
      <c r="A186" s="196" t="s">
        <v>151</v>
      </c>
      <c r="B186" s="1"/>
      <c r="C186" s="257" t="s">
        <v>152</v>
      </c>
      <c r="D186" s="257"/>
      <c r="E186" s="257"/>
      <c r="F186" s="257"/>
      <c r="G186" s="257"/>
      <c r="H186" s="257"/>
      <c r="I186" s="251" t="s">
        <v>153</v>
      </c>
      <c r="J186" s="208" t="s">
        <v>29</v>
      </c>
      <c r="K186" s="129"/>
      <c r="L186" s="93"/>
      <c r="M186" s="93"/>
      <c r="N186" s="93"/>
      <c r="O186" s="93"/>
      <c r="P186" s="22"/>
      <c r="Q186" s="22"/>
      <c r="R186" s="22"/>
    </row>
    <row r="187" spans="1:18" s="81" customFormat="1" ht="34.5" customHeight="1" x14ac:dyDescent="0.15">
      <c r="A187" s="196" t="s">
        <v>154</v>
      </c>
      <c r="B187" s="130"/>
      <c r="C187" s="312" t="s">
        <v>155</v>
      </c>
      <c r="D187" s="312"/>
      <c r="E187" s="312"/>
      <c r="F187" s="337"/>
      <c r="G187" s="257" t="s">
        <v>120</v>
      </c>
      <c r="H187" s="234" t="s">
        <v>156</v>
      </c>
      <c r="I187" s="294"/>
      <c r="J187" s="209">
        <v>0</v>
      </c>
      <c r="K187" s="118"/>
      <c r="L187" s="93"/>
      <c r="M187" s="93"/>
      <c r="N187" s="93"/>
      <c r="O187" s="93"/>
      <c r="P187" s="22"/>
      <c r="Q187" s="22"/>
      <c r="R187" s="22"/>
    </row>
    <row r="188" spans="1:18" s="81" customFormat="1" ht="34.5" customHeight="1" x14ac:dyDescent="0.15">
      <c r="A188" s="196" t="s">
        <v>154</v>
      </c>
      <c r="B188" s="130"/>
      <c r="C188" s="257"/>
      <c r="D188" s="257"/>
      <c r="E188" s="257"/>
      <c r="F188" s="258"/>
      <c r="G188" s="257"/>
      <c r="H188" s="234" t="s">
        <v>157</v>
      </c>
      <c r="I188" s="294"/>
      <c r="J188" s="210">
        <v>0</v>
      </c>
      <c r="K188" s="122"/>
      <c r="L188" s="93"/>
      <c r="M188" s="93"/>
      <c r="N188" s="93"/>
      <c r="O188" s="93"/>
      <c r="P188" s="22"/>
      <c r="Q188" s="22"/>
      <c r="R188" s="22"/>
    </row>
    <row r="189" spans="1:18" s="81" customFormat="1" ht="34.5" customHeight="1" x14ac:dyDescent="0.15">
      <c r="A189" s="196" t="s">
        <v>158</v>
      </c>
      <c r="B189" s="130"/>
      <c r="C189" s="257"/>
      <c r="D189" s="257"/>
      <c r="E189" s="257"/>
      <c r="F189" s="258"/>
      <c r="G189" s="257" t="s">
        <v>159</v>
      </c>
      <c r="H189" s="234" t="s">
        <v>156</v>
      </c>
      <c r="I189" s="294"/>
      <c r="J189" s="209">
        <v>0</v>
      </c>
      <c r="K189" s="118"/>
      <c r="L189" s="93"/>
      <c r="M189" s="93"/>
      <c r="N189" s="93"/>
      <c r="O189" s="93"/>
      <c r="P189" s="22"/>
      <c r="Q189" s="22"/>
      <c r="R189" s="22"/>
    </row>
    <row r="190" spans="1:18" s="81" customFormat="1" ht="34.5" customHeight="1" x14ac:dyDescent="0.15">
      <c r="A190" s="196" t="s">
        <v>158</v>
      </c>
      <c r="B190" s="130"/>
      <c r="C190" s="257"/>
      <c r="D190" s="257"/>
      <c r="E190" s="257"/>
      <c r="F190" s="258"/>
      <c r="G190" s="258"/>
      <c r="H190" s="234" t="s">
        <v>157</v>
      </c>
      <c r="I190" s="294"/>
      <c r="J190" s="210">
        <v>0</v>
      </c>
      <c r="K190" s="122"/>
      <c r="L190" s="93"/>
      <c r="M190" s="93"/>
      <c r="N190" s="93"/>
      <c r="O190" s="93"/>
      <c r="P190" s="22"/>
      <c r="Q190" s="22"/>
      <c r="R190" s="22"/>
    </row>
    <row r="191" spans="1:18" s="81" customFormat="1" ht="34.5" customHeight="1" x14ac:dyDescent="0.15">
      <c r="A191" s="196" t="s">
        <v>160</v>
      </c>
      <c r="B191" s="130"/>
      <c r="C191" s="257"/>
      <c r="D191" s="257"/>
      <c r="E191" s="257"/>
      <c r="F191" s="258"/>
      <c r="G191" s="257" t="s">
        <v>161</v>
      </c>
      <c r="H191" s="234" t="s">
        <v>156</v>
      </c>
      <c r="I191" s="294"/>
      <c r="J191" s="209">
        <v>0</v>
      </c>
      <c r="K191" s="118"/>
      <c r="L191" s="93"/>
      <c r="M191" s="93"/>
      <c r="N191" s="93"/>
      <c r="O191" s="93"/>
      <c r="P191" s="22"/>
      <c r="Q191" s="22"/>
      <c r="R191" s="22"/>
    </row>
    <row r="192" spans="1:18" s="81" customFormat="1" ht="34.5" customHeight="1" x14ac:dyDescent="0.15">
      <c r="A192" s="196" t="s">
        <v>160</v>
      </c>
      <c r="B192" s="130"/>
      <c r="C192" s="257"/>
      <c r="D192" s="257"/>
      <c r="E192" s="257"/>
      <c r="F192" s="258"/>
      <c r="G192" s="258"/>
      <c r="H192" s="234" t="s">
        <v>157</v>
      </c>
      <c r="I192" s="294"/>
      <c r="J192" s="210">
        <v>0</v>
      </c>
      <c r="K192" s="122"/>
      <c r="L192" s="93"/>
      <c r="M192" s="93"/>
      <c r="N192" s="93"/>
      <c r="O192" s="93"/>
      <c r="P192" s="22"/>
      <c r="Q192" s="22"/>
      <c r="R192" s="22"/>
    </row>
    <row r="193" spans="1:18" s="81" customFormat="1" ht="34.5" customHeight="1" x14ac:dyDescent="0.15">
      <c r="A193" s="196" t="s">
        <v>162</v>
      </c>
      <c r="B193" s="130"/>
      <c r="C193" s="257"/>
      <c r="D193" s="257"/>
      <c r="E193" s="257"/>
      <c r="F193" s="258"/>
      <c r="G193" s="338" t="s">
        <v>163</v>
      </c>
      <c r="H193" s="234" t="s">
        <v>156</v>
      </c>
      <c r="I193" s="294"/>
      <c r="J193" s="209">
        <v>0</v>
      </c>
      <c r="K193" s="118"/>
      <c r="L193" s="93"/>
      <c r="M193" s="93"/>
      <c r="N193" s="93"/>
      <c r="O193" s="93"/>
      <c r="P193" s="22"/>
      <c r="Q193" s="22"/>
      <c r="R193" s="22"/>
    </row>
    <row r="194" spans="1:18" s="81" customFormat="1" ht="34.5" customHeight="1" x14ac:dyDescent="0.15">
      <c r="A194" s="196" t="s">
        <v>162</v>
      </c>
      <c r="B194" s="130"/>
      <c r="C194" s="257"/>
      <c r="D194" s="257"/>
      <c r="E194" s="257"/>
      <c r="F194" s="258"/>
      <c r="G194" s="258"/>
      <c r="H194" s="234" t="s">
        <v>157</v>
      </c>
      <c r="I194" s="294"/>
      <c r="J194" s="210">
        <v>0</v>
      </c>
      <c r="K194" s="122"/>
      <c r="L194" s="93"/>
      <c r="M194" s="93"/>
      <c r="N194" s="93"/>
      <c r="O194" s="93"/>
      <c r="P194" s="22"/>
      <c r="Q194" s="22"/>
      <c r="R194" s="22"/>
    </row>
    <row r="195" spans="1:18" s="81" customFormat="1" ht="34.5" customHeight="1" x14ac:dyDescent="0.15">
      <c r="A195" s="196" t="s">
        <v>164</v>
      </c>
      <c r="B195" s="130"/>
      <c r="C195" s="257"/>
      <c r="D195" s="257"/>
      <c r="E195" s="257"/>
      <c r="F195" s="258"/>
      <c r="G195" s="257" t="s">
        <v>165</v>
      </c>
      <c r="H195" s="234" t="s">
        <v>156</v>
      </c>
      <c r="I195" s="294"/>
      <c r="J195" s="209">
        <v>0</v>
      </c>
      <c r="K195" s="118"/>
      <c r="L195" s="93"/>
      <c r="M195" s="93"/>
      <c r="N195" s="93"/>
      <c r="O195" s="93"/>
      <c r="P195" s="22"/>
      <c r="Q195" s="22"/>
      <c r="R195" s="22"/>
    </row>
    <row r="196" spans="1:18" s="81" customFormat="1" ht="34.5" customHeight="1" x14ac:dyDescent="0.15">
      <c r="A196" s="196" t="s">
        <v>164</v>
      </c>
      <c r="B196" s="130"/>
      <c r="C196" s="257"/>
      <c r="D196" s="257"/>
      <c r="E196" s="257"/>
      <c r="F196" s="258"/>
      <c r="G196" s="258"/>
      <c r="H196" s="234" t="s">
        <v>157</v>
      </c>
      <c r="I196" s="294"/>
      <c r="J196" s="210">
        <v>0</v>
      </c>
      <c r="K196" s="122"/>
      <c r="L196" s="93"/>
      <c r="M196" s="93"/>
      <c r="N196" s="93"/>
      <c r="O196" s="93"/>
      <c r="P196" s="22"/>
      <c r="Q196" s="22"/>
      <c r="R196" s="22"/>
    </row>
    <row r="197" spans="1:18" s="81" customFormat="1" ht="34.5" customHeight="1" x14ac:dyDescent="0.15">
      <c r="A197" s="196" t="s">
        <v>166</v>
      </c>
      <c r="B197" s="130"/>
      <c r="C197" s="257"/>
      <c r="D197" s="257"/>
      <c r="E197" s="257"/>
      <c r="F197" s="258"/>
      <c r="G197" s="257" t="s">
        <v>118</v>
      </c>
      <c r="H197" s="234" t="s">
        <v>156</v>
      </c>
      <c r="I197" s="294"/>
      <c r="J197" s="209">
        <v>0</v>
      </c>
      <c r="K197" s="118"/>
      <c r="L197" s="93"/>
      <c r="M197" s="93"/>
      <c r="N197" s="93"/>
      <c r="O197" s="93"/>
      <c r="P197" s="22"/>
      <c r="Q197" s="22"/>
      <c r="R197" s="22"/>
    </row>
    <row r="198" spans="1:18" s="81" customFormat="1" ht="34.5" customHeight="1" x14ac:dyDescent="0.15">
      <c r="A198" s="196" t="s">
        <v>166</v>
      </c>
      <c r="B198" s="130"/>
      <c r="C198" s="257"/>
      <c r="D198" s="257"/>
      <c r="E198" s="257"/>
      <c r="F198" s="258"/>
      <c r="G198" s="258"/>
      <c r="H198" s="234" t="s">
        <v>157</v>
      </c>
      <c r="I198" s="295"/>
      <c r="J198" s="210">
        <v>0</v>
      </c>
      <c r="K198" s="122"/>
      <c r="L198" s="93"/>
      <c r="M198" s="93"/>
      <c r="N198" s="93"/>
      <c r="O198" s="93"/>
      <c r="P198" s="22"/>
      <c r="Q198" s="22"/>
      <c r="R198" s="22"/>
    </row>
    <row r="199" spans="1:18" s="84" customFormat="1" x14ac:dyDescent="0.15">
      <c r="A199" s="176"/>
      <c r="B199" s="19"/>
      <c r="C199" s="19"/>
      <c r="D199" s="19"/>
      <c r="E199" s="19"/>
      <c r="F199" s="19"/>
      <c r="G199" s="19"/>
      <c r="H199" s="15"/>
      <c r="I199" s="15"/>
      <c r="J199" s="82"/>
      <c r="K199" s="83"/>
      <c r="L199" s="93"/>
      <c r="M199" s="93"/>
      <c r="N199" s="93"/>
      <c r="O199" s="93"/>
      <c r="P199" s="22"/>
      <c r="Q199" s="22"/>
      <c r="R199" s="22"/>
    </row>
    <row r="200" spans="1:18" s="81" customFormat="1" x14ac:dyDescent="0.15">
      <c r="A200" s="176"/>
      <c r="B200" s="88"/>
      <c r="C200" s="66"/>
      <c r="D200" s="66"/>
      <c r="E200" s="66"/>
      <c r="F200" s="66"/>
      <c r="G200" s="66"/>
      <c r="H200" s="91"/>
      <c r="I200" s="91"/>
      <c r="J200" s="82"/>
      <c r="K200" s="83"/>
      <c r="L200" s="93"/>
      <c r="M200" s="93"/>
      <c r="N200" s="93"/>
      <c r="O200" s="93"/>
      <c r="P200" s="22"/>
      <c r="Q200" s="22"/>
      <c r="R200" s="22"/>
    </row>
    <row r="201" spans="1:18" s="84" customFormat="1" x14ac:dyDescent="0.15">
      <c r="A201" s="176"/>
      <c r="B201" s="130"/>
      <c r="C201" s="132"/>
      <c r="D201" s="132"/>
      <c r="E201" s="3"/>
      <c r="F201" s="3"/>
      <c r="G201" s="3"/>
      <c r="H201" s="242"/>
      <c r="I201" s="242"/>
      <c r="J201" s="86"/>
      <c r="K201" s="69"/>
      <c r="L201" s="93"/>
      <c r="M201" s="93"/>
      <c r="N201" s="93"/>
      <c r="O201" s="93"/>
      <c r="P201" s="22"/>
      <c r="Q201" s="22"/>
      <c r="R201" s="22"/>
    </row>
    <row r="202" spans="1:18" s="84" customFormat="1" x14ac:dyDescent="0.15">
      <c r="A202" s="176"/>
      <c r="B202" s="19" t="s">
        <v>167</v>
      </c>
      <c r="C202" s="19"/>
      <c r="D202" s="19"/>
      <c r="E202" s="19"/>
      <c r="F202" s="19"/>
      <c r="G202" s="19"/>
      <c r="H202" s="15"/>
      <c r="I202" s="15"/>
      <c r="J202" s="69"/>
      <c r="K202" s="69"/>
      <c r="L202" s="93"/>
      <c r="M202" s="93"/>
      <c r="N202" s="93"/>
      <c r="O202" s="93"/>
      <c r="P202" s="22"/>
      <c r="Q202" s="22"/>
      <c r="R202" s="22"/>
    </row>
    <row r="203" spans="1:18" x14ac:dyDescent="0.15">
      <c r="A203" s="176"/>
      <c r="B203" s="19"/>
      <c r="C203" s="19"/>
      <c r="D203" s="19"/>
      <c r="E203" s="19"/>
      <c r="F203" s="19"/>
      <c r="G203" s="19"/>
      <c r="H203" s="15"/>
      <c r="I203" s="15"/>
      <c r="L203" s="93"/>
      <c r="M203" s="93"/>
      <c r="N203" s="93"/>
      <c r="O203" s="93"/>
      <c r="P203" s="22"/>
      <c r="Q203" s="22"/>
      <c r="R203" s="22"/>
    </row>
    <row r="204" spans="1:18" x14ac:dyDescent="0.15">
      <c r="A204" s="176"/>
      <c r="B204" s="19"/>
      <c r="C204" s="3"/>
      <c r="D204" s="3"/>
      <c r="F204" s="3"/>
      <c r="G204" s="3"/>
      <c r="H204" s="242"/>
      <c r="I204" s="242"/>
      <c r="J204" s="71" t="s">
        <v>4</v>
      </c>
      <c r="K204" s="72"/>
      <c r="L204" s="93"/>
      <c r="M204" s="93"/>
      <c r="N204" s="93"/>
      <c r="O204" s="93"/>
      <c r="P204" s="22"/>
      <c r="Q204" s="22"/>
      <c r="R204" s="22"/>
    </row>
    <row r="205" spans="1:18" x14ac:dyDescent="0.15">
      <c r="A205" s="176"/>
      <c r="B205" s="1"/>
      <c r="C205" s="66"/>
      <c r="D205" s="3"/>
      <c r="F205" s="3"/>
      <c r="G205" s="3"/>
      <c r="H205" s="242"/>
      <c r="I205" s="74" t="s">
        <v>67</v>
      </c>
      <c r="J205" s="75"/>
      <c r="K205" s="76"/>
      <c r="L205" s="93"/>
      <c r="M205" s="93"/>
      <c r="N205" s="93"/>
      <c r="O205" s="93"/>
      <c r="P205" s="22"/>
      <c r="Q205" s="22"/>
      <c r="R205" s="22"/>
    </row>
    <row r="206" spans="1:18" s="81" customFormat="1" ht="34.5" customHeight="1" x14ac:dyDescent="0.15">
      <c r="A206" s="196" t="s">
        <v>168</v>
      </c>
      <c r="B206" s="1"/>
      <c r="C206" s="276" t="s">
        <v>169</v>
      </c>
      <c r="D206" s="286"/>
      <c r="E206" s="335" t="s">
        <v>170</v>
      </c>
      <c r="F206" s="336"/>
      <c r="G206" s="257" t="s">
        <v>171</v>
      </c>
      <c r="H206" s="258"/>
      <c r="I206" s="251" t="s">
        <v>172</v>
      </c>
      <c r="J206" s="213">
        <v>0</v>
      </c>
      <c r="K206" s="80"/>
      <c r="L206" s="93"/>
      <c r="M206" s="93"/>
      <c r="N206" s="93"/>
      <c r="O206" s="93"/>
      <c r="P206" s="22"/>
      <c r="Q206" s="22"/>
      <c r="R206" s="22"/>
    </row>
    <row r="207" spans="1:18" s="81" customFormat="1" ht="34.5" customHeight="1" x14ac:dyDescent="0.15">
      <c r="A207" s="196" t="s">
        <v>173</v>
      </c>
      <c r="B207" s="130"/>
      <c r="C207" s="325"/>
      <c r="D207" s="327"/>
      <c r="E207" s="336"/>
      <c r="F207" s="336"/>
      <c r="G207" s="257" t="s">
        <v>174</v>
      </c>
      <c r="H207" s="258"/>
      <c r="I207" s="252"/>
      <c r="J207" s="213">
        <v>0</v>
      </c>
      <c r="K207" s="80"/>
      <c r="L207" s="93"/>
      <c r="M207" s="93"/>
      <c r="N207" s="93"/>
      <c r="O207" s="93"/>
      <c r="P207" s="22"/>
      <c r="Q207" s="22"/>
      <c r="R207" s="22"/>
    </row>
    <row r="208" spans="1:18" s="81" customFormat="1" ht="34.5" customHeight="1" x14ac:dyDescent="0.15">
      <c r="A208" s="196" t="s">
        <v>175</v>
      </c>
      <c r="B208" s="130"/>
      <c r="C208" s="325"/>
      <c r="D208" s="327"/>
      <c r="E208" s="336"/>
      <c r="F208" s="336"/>
      <c r="G208" s="257" t="s">
        <v>176</v>
      </c>
      <c r="H208" s="258"/>
      <c r="I208" s="252"/>
      <c r="J208" s="213">
        <v>0</v>
      </c>
      <c r="K208" s="80"/>
      <c r="L208" s="93"/>
      <c r="M208" s="93"/>
      <c r="N208" s="93"/>
      <c r="O208" s="93"/>
      <c r="P208" s="22"/>
      <c r="Q208" s="22"/>
      <c r="R208" s="22"/>
    </row>
    <row r="209" spans="1:18" s="81" customFormat="1" ht="34.5" customHeight="1" x14ac:dyDescent="0.15">
      <c r="A209" s="196" t="s">
        <v>177</v>
      </c>
      <c r="B209" s="130"/>
      <c r="C209" s="328"/>
      <c r="D209" s="330"/>
      <c r="E209" s="257" t="s">
        <v>118</v>
      </c>
      <c r="F209" s="258"/>
      <c r="G209" s="258"/>
      <c r="H209" s="258"/>
      <c r="I209" s="253"/>
      <c r="J209" s="213">
        <v>0</v>
      </c>
      <c r="K209" s="80"/>
      <c r="L209" s="86"/>
      <c r="M209" s="220"/>
      <c r="N209" s="93"/>
      <c r="O209" s="93"/>
      <c r="P209" s="22"/>
      <c r="Q209" s="22"/>
      <c r="R209" s="22"/>
    </row>
    <row r="210" spans="1:18" s="81" customFormat="1" ht="34.5" customHeight="1" x14ac:dyDescent="0.15">
      <c r="A210" s="196" t="s">
        <v>178</v>
      </c>
      <c r="B210" s="130"/>
      <c r="C210" s="276" t="s">
        <v>179</v>
      </c>
      <c r="D210" s="278"/>
      <c r="E210" s="257" t="s">
        <v>180</v>
      </c>
      <c r="F210" s="258"/>
      <c r="G210" s="258"/>
      <c r="H210" s="258"/>
      <c r="I210" s="251" t="s">
        <v>181</v>
      </c>
      <c r="J210" s="213">
        <v>0</v>
      </c>
      <c r="K210" s="80"/>
      <c r="L210" s="86"/>
      <c r="M210" s="222"/>
      <c r="N210" s="93"/>
      <c r="O210" s="93"/>
      <c r="P210" s="22"/>
      <c r="Q210" s="22"/>
      <c r="R210" s="22"/>
    </row>
    <row r="211" spans="1:18" s="81" customFormat="1" ht="34.5" customHeight="1" x14ac:dyDescent="0.15">
      <c r="A211" s="196" t="s">
        <v>182</v>
      </c>
      <c r="B211" s="130"/>
      <c r="C211" s="331"/>
      <c r="D211" s="305"/>
      <c r="E211" s="257" t="s">
        <v>183</v>
      </c>
      <c r="F211" s="258"/>
      <c r="G211" s="258"/>
      <c r="H211" s="258"/>
      <c r="I211" s="252"/>
      <c r="J211" s="213">
        <v>0</v>
      </c>
      <c r="K211" s="80"/>
      <c r="L211" s="93"/>
      <c r="M211" s="93"/>
      <c r="N211" s="93"/>
      <c r="O211" s="93"/>
      <c r="P211" s="22"/>
      <c r="Q211" s="22"/>
      <c r="R211" s="22"/>
    </row>
    <row r="212" spans="1:18" s="81" customFormat="1" ht="34.5" customHeight="1" x14ac:dyDescent="0.15">
      <c r="A212" s="196" t="s">
        <v>184</v>
      </c>
      <c r="B212" s="130"/>
      <c r="C212" s="332"/>
      <c r="D212" s="333"/>
      <c r="E212" s="257" t="s">
        <v>185</v>
      </c>
      <c r="F212" s="258"/>
      <c r="G212" s="258"/>
      <c r="H212" s="258"/>
      <c r="I212" s="253"/>
      <c r="J212" s="213">
        <v>0</v>
      </c>
      <c r="K212" s="80"/>
      <c r="L212" s="93"/>
      <c r="M212" s="93"/>
      <c r="N212" s="93"/>
      <c r="O212" s="93"/>
      <c r="P212" s="22"/>
      <c r="Q212" s="22"/>
      <c r="R212" s="22"/>
    </row>
    <row r="213" spans="1:18" s="81" customFormat="1" ht="44.45" customHeight="1" x14ac:dyDescent="0.15">
      <c r="A213" s="196" t="s">
        <v>186</v>
      </c>
      <c r="B213" s="130"/>
      <c r="C213" s="276" t="s">
        <v>118</v>
      </c>
      <c r="D213" s="278"/>
      <c r="E213" s="257" t="s">
        <v>187</v>
      </c>
      <c r="F213" s="258"/>
      <c r="G213" s="258"/>
      <c r="H213" s="258"/>
      <c r="I213" s="134" t="s">
        <v>188</v>
      </c>
      <c r="J213" s="213">
        <v>0</v>
      </c>
      <c r="K213" s="80"/>
      <c r="L213" s="86"/>
      <c r="M213" s="220"/>
      <c r="N213" s="93"/>
      <c r="O213" s="93"/>
      <c r="P213" s="22"/>
      <c r="Q213" s="22"/>
      <c r="R213" s="22"/>
    </row>
    <row r="214" spans="1:18" s="81" customFormat="1" ht="44.45" customHeight="1" x14ac:dyDescent="0.15">
      <c r="A214" s="196" t="s">
        <v>189</v>
      </c>
      <c r="B214" s="130"/>
      <c r="C214" s="331"/>
      <c r="D214" s="305"/>
      <c r="E214" s="257" t="s">
        <v>190</v>
      </c>
      <c r="F214" s="258"/>
      <c r="G214" s="258"/>
      <c r="H214" s="258"/>
      <c r="I214" s="292" t="s">
        <v>191</v>
      </c>
      <c r="J214" s="213">
        <v>0</v>
      </c>
      <c r="K214" s="80"/>
      <c r="L214" s="93"/>
      <c r="M214" s="93"/>
      <c r="N214" s="93"/>
      <c r="O214" s="93"/>
      <c r="P214" s="22"/>
      <c r="Q214" s="22"/>
      <c r="R214" s="22"/>
    </row>
    <row r="215" spans="1:18" s="81" customFormat="1" ht="44.45" customHeight="1" x14ac:dyDescent="0.15">
      <c r="A215" s="196" t="s">
        <v>192</v>
      </c>
      <c r="B215" s="130"/>
      <c r="C215" s="331"/>
      <c r="D215" s="305"/>
      <c r="E215" s="257" t="s">
        <v>193</v>
      </c>
      <c r="F215" s="258"/>
      <c r="G215" s="258"/>
      <c r="H215" s="258"/>
      <c r="I215" s="334"/>
      <c r="J215" s="213">
        <v>0</v>
      </c>
      <c r="K215" s="80"/>
      <c r="L215" s="93"/>
      <c r="M215" s="93"/>
      <c r="N215" s="93"/>
      <c r="O215" s="93"/>
      <c r="P215" s="22"/>
      <c r="Q215" s="22"/>
      <c r="R215" s="22"/>
    </row>
    <row r="216" spans="1:18" s="81" customFormat="1" ht="44.45" customHeight="1" x14ac:dyDescent="0.15">
      <c r="A216" s="196" t="s">
        <v>194</v>
      </c>
      <c r="B216" s="130"/>
      <c r="C216" s="331"/>
      <c r="D216" s="305"/>
      <c r="E216" s="257" t="s">
        <v>195</v>
      </c>
      <c r="F216" s="258"/>
      <c r="G216" s="258"/>
      <c r="H216" s="258"/>
      <c r="I216" s="134" t="s">
        <v>196</v>
      </c>
      <c r="J216" s="213">
        <v>0</v>
      </c>
      <c r="K216" s="80"/>
      <c r="L216" s="93"/>
      <c r="M216" s="93"/>
      <c r="N216" s="93"/>
      <c r="O216" s="93"/>
      <c r="P216" s="22"/>
      <c r="Q216" s="22"/>
      <c r="R216" s="22"/>
    </row>
    <row r="217" spans="1:18" s="81" customFormat="1" ht="44.45" customHeight="1" x14ac:dyDescent="0.15">
      <c r="A217" s="196" t="s">
        <v>197</v>
      </c>
      <c r="B217" s="130"/>
      <c r="C217" s="331"/>
      <c r="D217" s="305"/>
      <c r="E217" s="257" t="s">
        <v>198</v>
      </c>
      <c r="F217" s="258"/>
      <c r="G217" s="258"/>
      <c r="H217" s="258"/>
      <c r="I217" s="134" t="s">
        <v>199</v>
      </c>
      <c r="J217" s="213">
        <v>0</v>
      </c>
      <c r="K217" s="80"/>
      <c r="L217" s="93"/>
      <c r="M217" s="93"/>
      <c r="N217" s="93"/>
      <c r="O217" s="93"/>
      <c r="P217" s="22"/>
      <c r="Q217" s="22"/>
      <c r="R217" s="22"/>
    </row>
    <row r="218" spans="1:18" s="81" customFormat="1" ht="44.45" customHeight="1" x14ac:dyDescent="0.15">
      <c r="A218" s="196" t="s">
        <v>200</v>
      </c>
      <c r="B218" s="130"/>
      <c r="C218" s="331"/>
      <c r="D218" s="305"/>
      <c r="E218" s="257" t="s">
        <v>201</v>
      </c>
      <c r="F218" s="258"/>
      <c r="G218" s="258"/>
      <c r="H218" s="258"/>
      <c r="I218" s="134" t="s">
        <v>202</v>
      </c>
      <c r="J218" s="213">
        <v>0</v>
      </c>
      <c r="K218" s="80"/>
      <c r="L218" s="93"/>
      <c r="M218" s="93"/>
      <c r="N218" s="93"/>
      <c r="O218" s="93"/>
      <c r="P218" s="22"/>
      <c r="Q218" s="22"/>
      <c r="R218" s="22"/>
    </row>
    <row r="219" spans="1:18" s="81" customFormat="1" ht="44.45" customHeight="1" x14ac:dyDescent="0.15">
      <c r="A219" s="196" t="s">
        <v>203</v>
      </c>
      <c r="B219" s="130"/>
      <c r="C219" s="331"/>
      <c r="D219" s="305"/>
      <c r="E219" s="257" t="s">
        <v>204</v>
      </c>
      <c r="F219" s="258"/>
      <c r="G219" s="258"/>
      <c r="H219" s="258"/>
      <c r="I219" s="134" t="s">
        <v>205</v>
      </c>
      <c r="J219" s="213">
        <v>0</v>
      </c>
      <c r="K219" s="80"/>
      <c r="L219" s="93"/>
      <c r="M219" s="93"/>
      <c r="N219" s="93"/>
      <c r="O219" s="93"/>
      <c r="P219" s="22"/>
      <c r="Q219" s="22"/>
      <c r="R219" s="22"/>
    </row>
    <row r="220" spans="1:18" s="81" customFormat="1" ht="44.45" customHeight="1" x14ac:dyDescent="0.15">
      <c r="A220" s="196" t="s">
        <v>206</v>
      </c>
      <c r="B220" s="130"/>
      <c r="C220" s="331"/>
      <c r="D220" s="305"/>
      <c r="E220" s="257" t="s">
        <v>207</v>
      </c>
      <c r="F220" s="258"/>
      <c r="G220" s="258"/>
      <c r="H220" s="258"/>
      <c r="I220" s="134" t="s">
        <v>208</v>
      </c>
      <c r="J220" s="213">
        <v>0</v>
      </c>
      <c r="K220" s="80"/>
      <c r="L220" s="93"/>
      <c r="M220" s="93"/>
      <c r="N220" s="93"/>
      <c r="O220" s="93"/>
      <c r="P220" s="22"/>
      <c r="Q220" s="22"/>
      <c r="R220" s="22"/>
    </row>
    <row r="221" spans="1:18" s="81" customFormat="1" ht="44.45" customHeight="1" x14ac:dyDescent="0.15">
      <c r="A221" s="196" t="s">
        <v>209</v>
      </c>
      <c r="B221" s="130"/>
      <c r="C221" s="331"/>
      <c r="D221" s="305"/>
      <c r="E221" s="257" t="s">
        <v>210</v>
      </c>
      <c r="F221" s="258"/>
      <c r="G221" s="258"/>
      <c r="H221" s="258"/>
      <c r="I221" s="134" t="s">
        <v>211</v>
      </c>
      <c r="J221" s="213">
        <v>0</v>
      </c>
      <c r="K221" s="80"/>
      <c r="L221" s="93"/>
      <c r="M221" s="93"/>
      <c r="N221" s="93"/>
      <c r="O221" s="93"/>
      <c r="P221" s="22"/>
      <c r="Q221" s="22"/>
      <c r="R221" s="22"/>
    </row>
    <row r="222" spans="1:18" s="81" customFormat="1" ht="44.45" customHeight="1" x14ac:dyDescent="0.15">
      <c r="A222" s="196" t="s">
        <v>212</v>
      </c>
      <c r="B222" s="130"/>
      <c r="C222" s="332"/>
      <c r="D222" s="333"/>
      <c r="E222" s="257" t="s">
        <v>213</v>
      </c>
      <c r="F222" s="258"/>
      <c r="G222" s="258"/>
      <c r="H222" s="258"/>
      <c r="I222" s="134" t="s">
        <v>214</v>
      </c>
      <c r="J222" s="213">
        <v>0</v>
      </c>
      <c r="K222" s="80"/>
      <c r="L222" s="93"/>
      <c r="M222" s="93"/>
      <c r="N222" s="93"/>
      <c r="O222" s="93"/>
      <c r="P222" s="22"/>
      <c r="Q222" s="22"/>
      <c r="R222" s="22"/>
    </row>
    <row r="223" spans="1:18" s="84" customFormat="1" x14ac:dyDescent="0.15">
      <c r="A223" s="176"/>
      <c r="B223" s="19"/>
      <c r="C223" s="19"/>
      <c r="D223" s="19"/>
      <c r="E223" s="19"/>
      <c r="F223" s="19"/>
      <c r="G223" s="19"/>
      <c r="H223" s="15"/>
      <c r="I223" s="15"/>
      <c r="J223" s="82"/>
      <c r="K223" s="83"/>
      <c r="L223" s="93"/>
      <c r="M223" s="93"/>
      <c r="N223" s="93"/>
      <c r="O223" s="93"/>
      <c r="P223" s="22"/>
      <c r="Q223" s="22"/>
      <c r="R223" s="22"/>
    </row>
    <row r="224" spans="1:18" s="81" customFormat="1" x14ac:dyDescent="0.15">
      <c r="A224" s="176"/>
      <c r="B224" s="88"/>
      <c r="C224" s="66"/>
      <c r="D224" s="66"/>
      <c r="E224" s="66"/>
      <c r="F224" s="66"/>
      <c r="G224" s="66"/>
      <c r="H224" s="91"/>
      <c r="I224" s="91"/>
      <c r="J224" s="82"/>
      <c r="K224" s="83"/>
      <c r="L224" s="83"/>
      <c r="M224" s="83"/>
      <c r="N224" s="83"/>
      <c r="O224" s="83"/>
      <c r="P224" s="22"/>
      <c r="Q224" s="22"/>
      <c r="R224" s="22"/>
    </row>
    <row r="225" spans="1:51" s="81" customFormat="1" x14ac:dyDescent="0.15">
      <c r="A225" s="176"/>
      <c r="B225" s="88"/>
      <c r="C225" s="66"/>
      <c r="D225" s="66"/>
      <c r="E225" s="66"/>
      <c r="F225" s="66"/>
      <c r="G225" s="66"/>
      <c r="H225" s="91"/>
      <c r="I225" s="91"/>
      <c r="J225" s="82"/>
      <c r="K225" s="83"/>
      <c r="L225" s="83"/>
      <c r="M225" s="83"/>
      <c r="N225" s="83"/>
      <c r="O225" s="83"/>
      <c r="P225" s="22"/>
      <c r="Q225" s="22"/>
      <c r="R225" s="22"/>
    </row>
    <row r="226" spans="1:51" s="84" customFormat="1" x14ac:dyDescent="0.15">
      <c r="A226" s="176"/>
      <c r="B226" s="135" t="s">
        <v>215</v>
      </c>
      <c r="C226" s="19"/>
      <c r="D226" s="19"/>
      <c r="E226" s="19"/>
      <c r="F226" s="19"/>
      <c r="G226" s="19"/>
      <c r="H226" s="15"/>
      <c r="I226" s="15"/>
      <c r="J226" s="69"/>
      <c r="K226" s="69"/>
      <c r="L226" s="92"/>
      <c r="M226" s="92"/>
      <c r="N226" s="92"/>
      <c r="O226" s="92"/>
      <c r="P226" s="22"/>
      <c r="Q226" s="22"/>
      <c r="R226" s="22"/>
    </row>
    <row r="227" spans="1:51" x14ac:dyDescent="0.15">
      <c r="A227" s="176"/>
      <c r="B227" s="19"/>
      <c r="C227" s="19"/>
      <c r="D227" s="19"/>
      <c r="E227" s="19"/>
      <c r="F227" s="19"/>
      <c r="G227" s="19"/>
      <c r="H227" s="15"/>
      <c r="I227" s="15"/>
      <c r="L227" s="93"/>
      <c r="M227" s="93"/>
      <c r="N227" s="93"/>
      <c r="O227" s="93"/>
      <c r="P227" s="22"/>
      <c r="Q227" s="22"/>
      <c r="R227" s="22"/>
    </row>
    <row r="228" spans="1:51" x14ac:dyDescent="0.15">
      <c r="A228" s="176"/>
      <c r="B228" s="19"/>
      <c r="C228" s="3"/>
      <c r="D228" s="3"/>
      <c r="F228" s="3"/>
      <c r="G228" s="3"/>
      <c r="H228" s="242"/>
      <c r="I228" s="242"/>
      <c r="J228" s="71" t="s">
        <v>4</v>
      </c>
      <c r="K228" s="72"/>
      <c r="L228" s="6"/>
      <c r="M228" s="6"/>
      <c r="N228" s="136"/>
      <c r="O228" s="136"/>
      <c r="P228" s="22"/>
      <c r="Q228" s="22"/>
      <c r="R228" s="22"/>
    </row>
    <row r="229" spans="1:51" s="137" customFormat="1" x14ac:dyDescent="0.15">
      <c r="A229" s="176"/>
      <c r="B229" s="1"/>
      <c r="C229" s="3"/>
      <c r="D229" s="3"/>
      <c r="E229" s="3"/>
      <c r="F229" s="3"/>
      <c r="G229" s="3"/>
      <c r="H229" s="242"/>
      <c r="I229" s="74" t="s">
        <v>67</v>
      </c>
      <c r="J229" s="75"/>
      <c r="K229" s="76"/>
      <c r="L229" s="6"/>
      <c r="M229" s="6"/>
      <c r="N229" s="136"/>
      <c r="O229" s="136"/>
      <c r="P229" s="22"/>
      <c r="Q229" s="22"/>
      <c r="R229" s="22"/>
    </row>
    <row r="230" spans="1:51" s="137" customFormat="1" ht="34.5" customHeight="1" x14ac:dyDescent="0.15">
      <c r="A230" s="196" t="s">
        <v>216</v>
      </c>
      <c r="B230" s="138"/>
      <c r="C230" s="257" t="s">
        <v>217</v>
      </c>
      <c r="D230" s="257"/>
      <c r="E230" s="257"/>
      <c r="F230" s="257"/>
      <c r="G230" s="257"/>
      <c r="H230" s="257"/>
      <c r="I230" s="292" t="s">
        <v>218</v>
      </c>
      <c r="J230" s="214"/>
      <c r="K230" s="80"/>
      <c r="L230" s="6"/>
      <c r="M230" s="6"/>
      <c r="N230" s="136"/>
      <c r="O230" s="136"/>
      <c r="P230" s="22"/>
      <c r="Q230" s="22"/>
      <c r="R230" s="22"/>
    </row>
    <row r="231" spans="1:51" s="137" customFormat="1" ht="34.5" customHeight="1" x14ac:dyDescent="0.15">
      <c r="A231" s="196" t="s">
        <v>216</v>
      </c>
      <c r="B231" s="138"/>
      <c r="C231" s="257" t="s">
        <v>219</v>
      </c>
      <c r="D231" s="258"/>
      <c r="E231" s="258"/>
      <c r="F231" s="258"/>
      <c r="G231" s="258"/>
      <c r="H231" s="258"/>
      <c r="I231" s="252"/>
      <c r="J231" s="214"/>
      <c r="K231" s="80"/>
      <c r="L231" s="6"/>
      <c r="M231" s="6"/>
      <c r="N231" s="136"/>
      <c r="O231" s="136"/>
      <c r="P231" s="22"/>
      <c r="Q231" s="22"/>
      <c r="R231" s="22"/>
    </row>
    <row r="232" spans="1:51" s="137" customFormat="1" ht="34.5" customHeight="1" x14ac:dyDescent="0.15">
      <c r="A232" s="196" t="s">
        <v>216</v>
      </c>
      <c r="B232" s="138"/>
      <c r="C232" s="257" t="s">
        <v>220</v>
      </c>
      <c r="D232" s="258"/>
      <c r="E232" s="258"/>
      <c r="F232" s="258"/>
      <c r="G232" s="258"/>
      <c r="H232" s="258"/>
      <c r="I232" s="252"/>
      <c r="J232" s="214"/>
      <c r="K232" s="80"/>
      <c r="L232" s="6"/>
      <c r="M232" s="6"/>
      <c r="N232" s="136"/>
      <c r="O232" s="136"/>
      <c r="P232" s="22"/>
      <c r="Q232" s="22"/>
      <c r="R232" s="22"/>
    </row>
    <row r="233" spans="1:51" s="137" customFormat="1" ht="34.5" customHeight="1" x14ac:dyDescent="0.15">
      <c r="A233" s="196" t="s">
        <v>216</v>
      </c>
      <c r="B233" s="138"/>
      <c r="C233" s="257" t="s">
        <v>221</v>
      </c>
      <c r="D233" s="258"/>
      <c r="E233" s="258"/>
      <c r="F233" s="258"/>
      <c r="G233" s="258"/>
      <c r="H233" s="258"/>
      <c r="I233" s="252"/>
      <c r="J233" s="214"/>
      <c r="K233" s="80"/>
      <c r="L233" s="6"/>
      <c r="M233" s="6"/>
      <c r="N233" s="136"/>
      <c r="O233" s="136"/>
      <c r="P233" s="22"/>
      <c r="Q233" s="22"/>
      <c r="R233" s="22"/>
    </row>
    <row r="234" spans="1:51" s="137" customFormat="1" ht="34.5" customHeight="1" x14ac:dyDescent="0.15">
      <c r="A234" s="196" t="s">
        <v>216</v>
      </c>
      <c r="B234" s="138"/>
      <c r="C234" s="257" t="s">
        <v>222</v>
      </c>
      <c r="D234" s="258"/>
      <c r="E234" s="258"/>
      <c r="F234" s="258"/>
      <c r="G234" s="258"/>
      <c r="H234" s="258"/>
      <c r="I234" s="252"/>
      <c r="J234" s="214"/>
      <c r="K234" s="80"/>
      <c r="L234" s="6"/>
      <c r="M234" s="6"/>
      <c r="N234" s="136"/>
      <c r="O234" s="136"/>
      <c r="P234" s="22"/>
      <c r="Q234" s="22"/>
      <c r="R234" s="22"/>
    </row>
    <row r="235" spans="1:51" s="137" customFormat="1" ht="34.5" customHeight="1" x14ac:dyDescent="0.15">
      <c r="A235" s="196" t="s">
        <v>216</v>
      </c>
      <c r="B235" s="138"/>
      <c r="C235" s="257" t="s">
        <v>223</v>
      </c>
      <c r="D235" s="314"/>
      <c r="E235" s="314"/>
      <c r="F235" s="314"/>
      <c r="G235" s="314"/>
      <c r="H235" s="314"/>
      <c r="I235" s="252"/>
      <c r="J235" s="214"/>
      <c r="K235" s="80"/>
      <c r="L235" s="6"/>
      <c r="M235" s="6"/>
      <c r="N235" s="136"/>
      <c r="O235" s="136"/>
      <c r="P235" s="22"/>
      <c r="Q235" s="22"/>
      <c r="R235" s="22"/>
    </row>
    <row r="236" spans="1:51" s="137" customFormat="1" ht="34.5" customHeight="1" x14ac:dyDescent="0.15">
      <c r="A236" s="196" t="s">
        <v>216</v>
      </c>
      <c r="B236" s="138"/>
      <c r="C236" s="257" t="s">
        <v>89</v>
      </c>
      <c r="D236" s="314"/>
      <c r="E236" s="314"/>
      <c r="F236" s="314"/>
      <c r="G236" s="314"/>
      <c r="H236" s="314"/>
      <c r="I236" s="253"/>
      <c r="J236" s="214" t="s">
        <v>11</v>
      </c>
      <c r="K236" s="80"/>
      <c r="L236" s="6"/>
      <c r="M236" s="6"/>
      <c r="N236" s="136"/>
      <c r="O236" s="136"/>
      <c r="P236" s="22"/>
      <c r="Q236" s="22"/>
      <c r="R236" s="22"/>
    </row>
    <row r="237" spans="1:51" s="84" customFormat="1" x14ac:dyDescent="0.15">
      <c r="A237" s="176"/>
      <c r="B237" s="19"/>
      <c r="C237" s="19"/>
      <c r="D237" s="19"/>
      <c r="E237" s="19"/>
      <c r="F237" s="19"/>
      <c r="G237" s="19"/>
      <c r="H237" s="15"/>
      <c r="I237" s="15"/>
      <c r="J237" s="82"/>
      <c r="K237" s="83"/>
      <c r="L237" s="92"/>
      <c r="M237" s="92"/>
      <c r="N237" s="92"/>
      <c r="O237" s="92"/>
      <c r="P237" s="22"/>
      <c r="Q237" s="22"/>
      <c r="R237" s="22"/>
    </row>
    <row r="238" spans="1:51" s="81" customFormat="1" x14ac:dyDescent="0.15">
      <c r="A238" s="176"/>
      <c r="B238" s="88"/>
      <c r="C238" s="66"/>
      <c r="D238" s="66"/>
      <c r="E238" s="66"/>
      <c r="F238" s="66"/>
      <c r="G238" s="66"/>
      <c r="H238" s="91"/>
      <c r="I238" s="91"/>
      <c r="J238" s="82"/>
      <c r="K238" s="83"/>
      <c r="L238" s="83"/>
      <c r="M238" s="83"/>
      <c r="N238" s="83"/>
      <c r="O238" s="83"/>
      <c r="P238" s="22"/>
      <c r="Q238" s="22"/>
      <c r="R238" s="22"/>
    </row>
    <row r="239" spans="1:51" s="81" customFormat="1" x14ac:dyDescent="0.15">
      <c r="A239" s="176"/>
      <c r="B239" s="107"/>
      <c r="C239" s="107"/>
      <c r="D239" s="66"/>
      <c r="E239" s="66"/>
      <c r="F239" s="66"/>
      <c r="G239" s="66"/>
      <c r="H239" s="91"/>
      <c r="I239" s="140"/>
      <c r="J239" s="82"/>
      <c r="K239" s="83"/>
      <c r="L239" s="83"/>
      <c r="M239" s="83"/>
      <c r="N239" s="83"/>
      <c r="O239" s="83"/>
      <c r="P239" s="83"/>
      <c r="Q239" s="83"/>
      <c r="R239" s="83"/>
      <c r="S239" s="83"/>
      <c r="T239" s="83"/>
      <c r="U239" s="83"/>
      <c r="V239" s="83"/>
      <c r="W239" s="83"/>
      <c r="X239" s="83"/>
      <c r="Y239" s="83"/>
      <c r="Z239" s="83"/>
      <c r="AA239" s="83"/>
      <c r="AB239" s="83"/>
      <c r="AC239" s="83"/>
      <c r="AD239" s="83"/>
      <c r="AE239" s="83"/>
      <c r="AF239" s="83"/>
      <c r="AG239" s="83"/>
      <c r="AH239" s="83"/>
      <c r="AI239" s="83"/>
      <c r="AJ239" s="83"/>
      <c r="AK239" s="83"/>
      <c r="AL239" s="83"/>
      <c r="AM239" s="83"/>
      <c r="AN239" s="83"/>
      <c r="AO239" s="83"/>
      <c r="AP239" s="83"/>
      <c r="AQ239" s="83"/>
      <c r="AR239" s="83"/>
      <c r="AS239" s="83"/>
      <c r="AT239" s="83"/>
      <c r="AU239" s="83"/>
      <c r="AV239" s="83"/>
      <c r="AW239" s="83"/>
      <c r="AX239" s="83"/>
      <c r="AY239" s="83"/>
    </row>
    <row r="240" spans="1:51" s="84" customFormat="1" x14ac:dyDescent="0.15">
      <c r="A240" s="176"/>
      <c r="B240" s="107"/>
      <c r="C240" s="3"/>
      <c r="D240" s="3"/>
      <c r="E240" s="3"/>
      <c r="F240" s="3"/>
      <c r="G240" s="3"/>
      <c r="H240" s="242"/>
      <c r="I240" s="242"/>
      <c r="J240" s="86"/>
      <c r="K240" s="69"/>
      <c r="L240" s="93"/>
      <c r="M240" s="93"/>
      <c r="N240" s="93"/>
      <c r="O240" s="93"/>
      <c r="P240" s="93"/>
      <c r="Q240" s="93"/>
      <c r="R240" s="93"/>
      <c r="S240" s="93"/>
      <c r="T240" s="93"/>
      <c r="U240" s="93"/>
      <c r="V240" s="93"/>
      <c r="W240" s="93"/>
      <c r="X240" s="93"/>
      <c r="Y240" s="93"/>
      <c r="Z240" s="93"/>
      <c r="AA240" s="93"/>
      <c r="AB240" s="93"/>
      <c r="AC240" s="93"/>
      <c r="AD240" s="93"/>
      <c r="AE240" s="93"/>
      <c r="AF240" s="93"/>
      <c r="AG240" s="93"/>
      <c r="AH240" s="93"/>
      <c r="AI240" s="93"/>
      <c r="AJ240" s="93"/>
      <c r="AK240" s="93"/>
      <c r="AL240" s="93"/>
      <c r="AM240" s="93"/>
      <c r="AN240" s="93"/>
      <c r="AO240" s="93"/>
      <c r="AP240" s="93"/>
      <c r="AQ240" s="93"/>
      <c r="AR240" s="93"/>
      <c r="AS240" s="93"/>
      <c r="AT240" s="93"/>
      <c r="AU240" s="93"/>
      <c r="AV240" s="93"/>
      <c r="AW240" s="93"/>
      <c r="AX240" s="93"/>
      <c r="AY240" s="93"/>
    </row>
    <row r="241" spans="1:72" s="81" customFormat="1" x14ac:dyDescent="0.15">
      <c r="A241" s="176"/>
      <c r="B241" s="141" t="s">
        <v>224</v>
      </c>
      <c r="C241" s="142"/>
      <c r="D241" s="3"/>
      <c r="E241" s="3"/>
      <c r="F241" s="3"/>
      <c r="G241" s="3"/>
      <c r="H241" s="242"/>
      <c r="I241" s="242"/>
      <c r="J241" s="86"/>
      <c r="K241" s="68"/>
      <c r="L241" s="93"/>
      <c r="M241" s="93"/>
      <c r="N241" s="93"/>
      <c r="O241" s="9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x14ac:dyDescent="0.15">
      <c r="A242" s="176"/>
      <c r="B242" s="19"/>
      <c r="C242" s="19"/>
      <c r="D242" s="19"/>
      <c r="E242" s="19"/>
      <c r="F242" s="19"/>
      <c r="G242" s="19"/>
      <c r="H242" s="15"/>
      <c r="I242" s="15"/>
      <c r="L242" s="73"/>
      <c r="M242" s="73"/>
      <c r="N242" s="73"/>
      <c r="O242" s="73"/>
      <c r="P242" s="73"/>
      <c r="Q242" s="73"/>
      <c r="R242" s="73"/>
      <c r="S242" s="73"/>
      <c r="T242" s="73"/>
      <c r="U242" s="73"/>
      <c r="V242" s="73"/>
      <c r="W242" s="73"/>
      <c r="X242" s="73"/>
      <c r="Y242" s="73"/>
      <c r="Z242" s="73"/>
      <c r="AA242" s="73"/>
      <c r="AB242" s="73"/>
      <c r="AC242" s="73"/>
      <c r="AD242" s="73"/>
      <c r="AE242" s="73"/>
      <c r="AF242" s="73"/>
      <c r="AG242" s="73"/>
      <c r="AH242" s="73"/>
      <c r="AI242" s="73"/>
      <c r="AJ242" s="73"/>
      <c r="AK242" s="73"/>
      <c r="AL242" s="73"/>
      <c r="AM242" s="73"/>
      <c r="AN242" s="73"/>
      <c r="AO242" s="73"/>
      <c r="AP242" s="73"/>
      <c r="AQ242" s="73"/>
      <c r="AR242" s="73"/>
      <c r="AS242" s="73"/>
      <c r="AT242" s="73"/>
      <c r="AU242" s="73"/>
      <c r="AV242" s="73"/>
      <c r="AW242" s="73"/>
      <c r="AX242" s="73"/>
      <c r="AY242" s="73"/>
    </row>
    <row r="243" spans="1:72" s="137" customFormat="1" x14ac:dyDescent="0.15">
      <c r="A243" s="176"/>
      <c r="B243" s="19"/>
      <c r="C243" s="3"/>
      <c r="D243" s="3"/>
      <c r="E243" s="3"/>
      <c r="F243" s="3"/>
      <c r="G243" s="3"/>
      <c r="H243" s="242"/>
      <c r="I243" s="242"/>
      <c r="J243" s="71" t="s">
        <v>4</v>
      </c>
      <c r="K243" s="72"/>
      <c r="L243" s="9"/>
    </row>
    <row r="244" spans="1:72" s="137" customFormat="1" x14ac:dyDescent="0.15">
      <c r="A244" s="176"/>
      <c r="B244" s="1"/>
      <c r="C244" s="3"/>
      <c r="D244" s="3"/>
      <c r="E244" s="3"/>
      <c r="F244" s="3"/>
      <c r="G244" s="3"/>
      <c r="H244" s="242"/>
      <c r="I244" s="74" t="s">
        <v>67</v>
      </c>
      <c r="J244" s="143"/>
      <c r="K244" s="76"/>
      <c r="L244" s="9"/>
    </row>
    <row r="245" spans="1:72" s="137" customFormat="1" ht="17.25" customHeight="1" x14ac:dyDescent="0.15">
      <c r="A245" s="176"/>
      <c r="B245" s="144"/>
      <c r="C245" s="276" t="s">
        <v>225</v>
      </c>
      <c r="D245" s="281"/>
      <c r="E245" s="281"/>
      <c r="F245" s="281"/>
      <c r="G245" s="281"/>
      <c r="H245" s="286"/>
      <c r="I245" s="322" t="s">
        <v>226</v>
      </c>
      <c r="J245" s="145"/>
      <c r="K245" s="146"/>
      <c r="L245" s="9"/>
    </row>
    <row r="246" spans="1:72" s="137" customFormat="1" ht="17.25" customHeight="1" x14ac:dyDescent="0.15">
      <c r="A246" s="176"/>
      <c r="B246" s="147"/>
      <c r="C246" s="325"/>
      <c r="D246" s="326"/>
      <c r="E246" s="326"/>
      <c r="F246" s="326"/>
      <c r="G246" s="326"/>
      <c r="H246" s="327"/>
      <c r="I246" s="322"/>
      <c r="J246" s="148"/>
      <c r="K246" s="149"/>
      <c r="L246" s="9"/>
    </row>
    <row r="247" spans="1:72" s="137" customFormat="1" ht="17.25" customHeight="1" x14ac:dyDescent="0.15">
      <c r="A247" s="196" t="s">
        <v>227</v>
      </c>
      <c r="B247" s="147"/>
      <c r="C247" s="325"/>
      <c r="D247" s="326"/>
      <c r="E247" s="326"/>
      <c r="F247" s="326"/>
      <c r="G247" s="326"/>
      <c r="H247" s="327"/>
      <c r="I247" s="322"/>
      <c r="J247" s="150" t="s">
        <v>29</v>
      </c>
      <c r="K247" s="149"/>
      <c r="L247" s="9"/>
    </row>
    <row r="248" spans="1:72" s="137" customFormat="1" ht="17.25" customHeight="1" x14ac:dyDescent="0.15">
      <c r="A248" s="176"/>
      <c r="B248" s="147"/>
      <c r="C248" s="325"/>
      <c r="D248" s="326"/>
      <c r="E248" s="326"/>
      <c r="F248" s="326"/>
      <c r="G248" s="326"/>
      <c r="H248" s="327"/>
      <c r="I248" s="322"/>
      <c r="J248" s="151"/>
      <c r="K248" s="149"/>
      <c r="L248" s="9"/>
    </row>
    <row r="249" spans="1:72" s="137" customFormat="1" ht="17.25" customHeight="1" x14ac:dyDescent="0.15">
      <c r="A249" s="176"/>
      <c r="B249" s="147"/>
      <c r="C249" s="328"/>
      <c r="D249" s="329"/>
      <c r="E249" s="329"/>
      <c r="F249" s="329"/>
      <c r="G249" s="329"/>
      <c r="H249" s="330"/>
      <c r="I249" s="322"/>
      <c r="J249" s="152"/>
      <c r="K249" s="153"/>
      <c r="L249" s="9"/>
    </row>
    <row r="250" spans="1:72" s="84" customFormat="1" x14ac:dyDescent="0.15">
      <c r="A250" s="176"/>
      <c r="B250" s="19"/>
      <c r="C250" s="19"/>
      <c r="D250" s="19"/>
      <c r="E250" s="19"/>
      <c r="F250" s="19"/>
      <c r="G250" s="19"/>
      <c r="H250" s="15"/>
      <c r="I250" s="15"/>
      <c r="J250" s="82"/>
      <c r="K250" s="83"/>
      <c r="L250" s="92"/>
      <c r="M250" s="92"/>
      <c r="N250" s="92"/>
      <c r="O250" s="92"/>
      <c r="P250" s="92"/>
      <c r="Q250" s="92"/>
      <c r="R250" s="92"/>
      <c r="S250" s="92"/>
      <c r="T250" s="92"/>
      <c r="U250" s="92"/>
      <c r="V250" s="92"/>
      <c r="W250" s="92"/>
      <c r="X250" s="92"/>
      <c r="Y250" s="92"/>
      <c r="Z250" s="92"/>
      <c r="AA250" s="92"/>
      <c r="AB250" s="92"/>
      <c r="AC250" s="92"/>
      <c r="AD250" s="92"/>
      <c r="AE250" s="92"/>
      <c r="AF250" s="92"/>
      <c r="AG250" s="92"/>
      <c r="AH250" s="92"/>
      <c r="AI250" s="92"/>
      <c r="AJ250" s="92"/>
      <c r="AK250" s="92"/>
      <c r="AL250" s="92"/>
      <c r="AM250" s="92"/>
      <c r="AN250" s="92"/>
      <c r="AO250" s="92"/>
      <c r="AP250" s="92"/>
      <c r="AQ250" s="92"/>
      <c r="AR250" s="92"/>
      <c r="AS250" s="92"/>
      <c r="AT250" s="92"/>
      <c r="AU250" s="92"/>
      <c r="AV250" s="92"/>
      <c r="AW250" s="92"/>
      <c r="AX250" s="92"/>
      <c r="AY250" s="92"/>
    </row>
    <row r="251" spans="1:72" s="81" customFormat="1" x14ac:dyDescent="0.15">
      <c r="A251" s="176"/>
      <c r="B251" s="88"/>
      <c r="C251" s="66"/>
      <c r="D251" s="66"/>
      <c r="E251" s="66"/>
      <c r="F251" s="66"/>
      <c r="G251" s="66"/>
      <c r="H251" s="91"/>
      <c r="I251" s="233"/>
      <c r="J251" s="82"/>
      <c r="K251" s="83"/>
      <c r="L251" s="83"/>
      <c r="M251" s="83"/>
      <c r="N251" s="83"/>
      <c r="O251" s="83"/>
      <c r="P251" s="83"/>
      <c r="Q251" s="83"/>
      <c r="R251" s="83"/>
      <c r="S251" s="83"/>
      <c r="T251" s="83"/>
      <c r="U251" s="83"/>
      <c r="V251" s="83"/>
      <c r="W251" s="83"/>
      <c r="X251" s="83"/>
      <c r="Y251" s="83"/>
      <c r="Z251" s="83"/>
      <c r="AA251" s="83"/>
      <c r="AB251" s="83"/>
      <c r="AC251" s="83"/>
      <c r="AD251" s="83"/>
      <c r="AE251" s="83"/>
      <c r="AF251" s="83"/>
      <c r="AG251" s="83"/>
      <c r="AH251" s="83"/>
      <c r="AI251" s="83"/>
      <c r="AJ251" s="83"/>
      <c r="AK251" s="83"/>
      <c r="AL251" s="83"/>
      <c r="AM251" s="83"/>
      <c r="AN251" s="83"/>
      <c r="AO251" s="83"/>
      <c r="AP251" s="83"/>
      <c r="AQ251" s="83"/>
      <c r="AR251" s="83"/>
      <c r="AS251" s="83"/>
      <c r="AT251" s="83"/>
      <c r="AU251" s="83"/>
      <c r="AV251" s="83"/>
      <c r="AW251" s="83"/>
      <c r="AX251" s="83"/>
      <c r="AY251" s="83"/>
    </row>
    <row r="252" spans="1:72" s="81" customFormat="1" x14ac:dyDescent="0.15">
      <c r="A252" s="176"/>
      <c r="B252" s="107"/>
      <c r="C252" s="107"/>
      <c r="D252" s="66"/>
      <c r="E252" s="66"/>
      <c r="F252" s="66"/>
      <c r="G252" s="66"/>
      <c r="H252" s="91"/>
      <c r="I252" s="140" t="s">
        <v>228</v>
      </c>
      <c r="J252" s="82"/>
      <c r="K252" s="83"/>
      <c r="L252" s="83"/>
      <c r="M252" s="83"/>
      <c r="N252" s="83"/>
      <c r="O252" s="83"/>
      <c r="P252" s="83"/>
      <c r="Q252" s="83"/>
      <c r="R252" s="83"/>
      <c r="S252" s="83"/>
      <c r="T252" s="83"/>
      <c r="U252" s="83"/>
      <c r="V252" s="83"/>
      <c r="W252" s="83"/>
      <c r="X252" s="83"/>
      <c r="Y252" s="83"/>
      <c r="Z252" s="83"/>
      <c r="AA252" s="83"/>
      <c r="AB252" s="83"/>
      <c r="AC252" s="83"/>
      <c r="AD252" s="83"/>
      <c r="AE252" s="83"/>
      <c r="AF252" s="83"/>
      <c r="AG252" s="83"/>
      <c r="AH252" s="83"/>
      <c r="AI252" s="83"/>
      <c r="AJ252" s="83"/>
      <c r="AK252" s="83"/>
      <c r="AL252" s="83"/>
      <c r="AM252" s="83"/>
      <c r="AN252" s="83"/>
      <c r="AO252" s="83"/>
      <c r="AP252" s="83"/>
      <c r="AQ252" s="83"/>
      <c r="AR252" s="83"/>
      <c r="AS252" s="83"/>
      <c r="AT252" s="83"/>
      <c r="AU252" s="83"/>
      <c r="AV252" s="83"/>
      <c r="AW252" s="83"/>
      <c r="AX252" s="83"/>
      <c r="AY252" s="83"/>
    </row>
    <row r="253" spans="1:72" s="81" customFormat="1" x14ac:dyDescent="0.15">
      <c r="A253" s="176"/>
      <c r="B253" s="107"/>
      <c r="C253" s="107"/>
      <c r="D253" s="66"/>
      <c r="E253" s="66"/>
      <c r="F253" s="66"/>
      <c r="G253" s="66"/>
      <c r="H253" s="91"/>
      <c r="I253" s="233"/>
      <c r="J253" s="82"/>
      <c r="K253" s="83"/>
      <c r="L253" s="83"/>
      <c r="M253" s="83"/>
      <c r="N253" s="83"/>
      <c r="O253" s="83"/>
      <c r="P253" s="83"/>
      <c r="Q253" s="83"/>
      <c r="R253" s="83"/>
      <c r="S253" s="83"/>
      <c r="T253" s="83"/>
      <c r="U253" s="83"/>
      <c r="V253" s="83"/>
      <c r="W253" s="83"/>
      <c r="X253" s="83"/>
      <c r="Y253" s="83"/>
      <c r="Z253" s="83"/>
      <c r="AA253" s="83"/>
      <c r="AB253" s="83"/>
      <c r="AC253" s="83"/>
      <c r="AD253" s="83"/>
      <c r="AE253" s="83"/>
      <c r="AF253" s="83"/>
      <c r="AG253" s="83"/>
      <c r="AH253" s="83"/>
      <c r="AI253" s="83"/>
      <c r="AJ253" s="83"/>
      <c r="AK253" s="83"/>
      <c r="AL253" s="83"/>
      <c r="AM253" s="83"/>
      <c r="AN253" s="83"/>
      <c r="AO253" s="83"/>
      <c r="AP253" s="83"/>
      <c r="AQ253" s="83"/>
      <c r="AR253" s="83"/>
      <c r="AS253" s="83"/>
      <c r="AT253" s="83"/>
      <c r="AU253" s="83"/>
      <c r="AV253" s="83"/>
      <c r="AW253" s="83"/>
      <c r="AX253" s="83"/>
      <c r="AY253" s="83"/>
      <c r="AZ253" s="83"/>
      <c r="BA253" s="83"/>
      <c r="BB253" s="83"/>
      <c r="BC253" s="83"/>
      <c r="BD253" s="83"/>
      <c r="BE253" s="83"/>
      <c r="BF253" s="83"/>
      <c r="BG253" s="83"/>
      <c r="BH253" s="83"/>
      <c r="BI253" s="83"/>
      <c r="BJ253" s="83"/>
      <c r="BK253" s="83"/>
      <c r="BL253" s="83"/>
      <c r="BM253" s="83"/>
      <c r="BN253" s="83"/>
      <c r="BO253" s="83"/>
      <c r="BP253" s="83"/>
      <c r="BQ253" s="83"/>
      <c r="BR253" s="83"/>
      <c r="BS253" s="83"/>
    </row>
    <row r="254" spans="1:72" s="22" customFormat="1" x14ac:dyDescent="0.15">
      <c r="A254" s="176"/>
      <c r="B254" s="1"/>
      <c r="C254" s="56"/>
      <c r="D254" s="44"/>
      <c r="E254" s="44"/>
      <c r="F254" s="44"/>
      <c r="G254" s="44"/>
      <c r="H254" s="21"/>
      <c r="I254" s="233"/>
      <c r="J254" s="5"/>
      <c r="K254" s="6"/>
      <c r="L254" s="306"/>
      <c r="M254" s="306"/>
      <c r="N254" s="306"/>
      <c r="O254" s="306"/>
      <c r="P254" s="306"/>
      <c r="R254" s="54"/>
      <c r="S254" s="54"/>
      <c r="T254" s="54"/>
      <c r="U254" s="54"/>
      <c r="W254" s="54"/>
      <c r="X254" s="54"/>
      <c r="Y254" s="54"/>
      <c r="Z254" s="54"/>
      <c r="AB254" s="54"/>
      <c r="AC254" s="54"/>
      <c r="AD254" s="54"/>
      <c r="AE254" s="54"/>
      <c r="AG254" s="54"/>
      <c r="AH254" s="54"/>
      <c r="AI254" s="54"/>
      <c r="AJ254" s="54"/>
      <c r="AL254" s="54"/>
      <c r="AM254" s="54"/>
      <c r="AN254" s="54"/>
      <c r="AO254" s="54"/>
      <c r="AQ254" s="54"/>
      <c r="AR254" s="54"/>
      <c r="AS254" s="54"/>
      <c r="AT254" s="54"/>
      <c r="AV254" s="54"/>
      <c r="AW254" s="54"/>
      <c r="AX254" s="54"/>
      <c r="AY254" s="54"/>
      <c r="AZ254" s="54"/>
      <c r="BA254" s="54"/>
      <c r="BB254" s="54"/>
      <c r="BC254" s="54"/>
      <c r="BD254" s="54"/>
      <c r="BE254" s="54"/>
      <c r="BF254" s="54"/>
      <c r="BG254" s="54"/>
      <c r="BH254" s="54"/>
      <c r="BI254" s="54"/>
      <c r="BJ254" s="54"/>
      <c r="BK254" s="54"/>
      <c r="BL254" s="54"/>
      <c r="BM254" s="54"/>
      <c r="BN254" s="54"/>
      <c r="BO254" s="54"/>
      <c r="BP254" s="54"/>
      <c r="BQ254" s="54"/>
      <c r="BR254" s="54"/>
      <c r="BS254" s="54"/>
      <c r="BT254" s="9"/>
    </row>
    <row r="255" spans="1:72" s="22" customFormat="1" x14ac:dyDescent="0.15">
      <c r="A255" s="176"/>
      <c r="B255" s="1"/>
      <c r="C255" s="56"/>
      <c r="D255" s="44"/>
      <c r="E255" s="44"/>
      <c r="F255" s="44"/>
      <c r="G255" s="44"/>
      <c r="H255" s="21"/>
      <c r="I255" s="233"/>
      <c r="J255" s="5"/>
      <c r="K255" s="6"/>
      <c r="L255" s="306"/>
      <c r="M255" s="306"/>
      <c r="N255" s="306"/>
      <c r="O255" s="306"/>
      <c r="P255" s="306"/>
      <c r="R255" s="54"/>
      <c r="S255" s="54"/>
      <c r="T255" s="54"/>
      <c r="U255" s="54"/>
      <c r="W255" s="54"/>
      <c r="X255" s="54"/>
      <c r="Y255" s="54"/>
      <c r="Z255" s="54"/>
      <c r="AB255" s="54"/>
      <c r="AC255" s="54"/>
      <c r="AD255" s="54"/>
      <c r="AE255" s="54"/>
      <c r="AG255" s="54"/>
      <c r="AH255" s="54"/>
      <c r="AI255" s="54"/>
      <c r="AJ255" s="54"/>
      <c r="AL255" s="54"/>
      <c r="AM255" s="54"/>
      <c r="AN255" s="54"/>
      <c r="AO255" s="54"/>
      <c r="AQ255" s="54"/>
      <c r="AR255" s="54"/>
      <c r="AS255" s="54"/>
      <c r="AT255" s="54"/>
      <c r="AV255" s="54"/>
      <c r="AW255" s="54"/>
      <c r="AX255" s="54"/>
      <c r="AY255" s="54"/>
      <c r="AZ255" s="54"/>
      <c r="BA255" s="54"/>
      <c r="BB255" s="54"/>
      <c r="BC255" s="54"/>
      <c r="BD255" s="54"/>
      <c r="BE255" s="54"/>
      <c r="BF255" s="54"/>
      <c r="BG255" s="54"/>
      <c r="BH255" s="54"/>
      <c r="BI255" s="54"/>
      <c r="BJ255" s="54"/>
      <c r="BK255" s="54"/>
      <c r="BL255" s="54"/>
      <c r="BM255" s="54"/>
      <c r="BN255" s="54"/>
      <c r="BO255" s="54"/>
      <c r="BP255" s="54"/>
      <c r="BQ255" s="54"/>
      <c r="BR255" s="54"/>
      <c r="BS255" s="54"/>
      <c r="BT255" s="9"/>
    </row>
    <row r="256" spans="1:72" s="22" customFormat="1" x14ac:dyDescent="0.15">
      <c r="A256" s="176"/>
      <c r="B256" s="1"/>
      <c r="I256" s="233"/>
      <c r="J256" s="5"/>
      <c r="K256" s="6"/>
      <c r="L256" s="306"/>
      <c r="M256" s="306"/>
      <c r="N256" s="306"/>
      <c r="O256" s="306"/>
      <c r="P256" s="306"/>
      <c r="R256" s="38"/>
      <c r="S256" s="38"/>
      <c r="T256" s="38"/>
      <c r="U256" s="38"/>
      <c r="W256" s="38"/>
      <c r="X256" s="38"/>
      <c r="Y256" s="38"/>
      <c r="Z256" s="38"/>
      <c r="AB256" s="38"/>
      <c r="AC256" s="38"/>
      <c r="AD256" s="38"/>
      <c r="AE256" s="38"/>
      <c r="AG256" s="38"/>
      <c r="AH256" s="38"/>
      <c r="AI256" s="38"/>
      <c r="AJ256" s="38"/>
      <c r="AL256" s="38"/>
      <c r="AM256" s="38"/>
      <c r="AN256" s="38"/>
      <c r="AO256" s="38"/>
      <c r="AQ256" s="38"/>
      <c r="AR256" s="38"/>
      <c r="AS256" s="38"/>
      <c r="AT256" s="38"/>
      <c r="AV256" s="38"/>
      <c r="AW256" s="38"/>
      <c r="AX256" s="38"/>
      <c r="AY256" s="38"/>
      <c r="AZ256" s="38"/>
      <c r="BA256" s="38"/>
      <c r="BB256" s="38"/>
      <c r="BC256" s="38"/>
      <c r="BD256" s="38"/>
      <c r="BE256" s="38"/>
      <c r="BF256" s="38"/>
      <c r="BG256" s="38"/>
      <c r="BH256" s="38"/>
      <c r="BI256" s="38"/>
      <c r="BJ256" s="38"/>
      <c r="BK256" s="38"/>
      <c r="BL256" s="38"/>
      <c r="BM256" s="38"/>
      <c r="BN256" s="38"/>
      <c r="BO256" s="38"/>
      <c r="BP256" s="38"/>
      <c r="BQ256" s="38"/>
      <c r="BR256" s="38"/>
      <c r="BS256" s="38"/>
      <c r="BT256" s="9"/>
    </row>
    <row r="257" spans="1:72" s="22" customFormat="1" x14ac:dyDescent="0.15">
      <c r="A257" s="176"/>
      <c r="B257" s="1"/>
      <c r="I257" s="233"/>
      <c r="J257" s="5"/>
      <c r="K257" s="6"/>
      <c r="L257" s="306"/>
      <c r="M257" s="306"/>
      <c r="N257" s="306"/>
      <c r="O257" s="306"/>
      <c r="P257" s="306"/>
      <c r="R257" s="54"/>
      <c r="S257" s="54"/>
      <c r="T257" s="54"/>
      <c r="U257" s="54"/>
      <c r="W257" s="54"/>
      <c r="X257" s="54"/>
      <c r="Y257" s="54"/>
      <c r="Z257" s="54"/>
      <c r="AB257" s="54"/>
      <c r="AC257" s="54"/>
      <c r="AD257" s="54"/>
      <c r="AE257" s="54"/>
      <c r="AG257" s="54"/>
      <c r="AH257" s="54"/>
      <c r="AI257" s="54"/>
      <c r="AJ257" s="54"/>
      <c r="AL257" s="54"/>
      <c r="AM257" s="54"/>
      <c r="AN257" s="54"/>
      <c r="AO257" s="54"/>
      <c r="AQ257" s="54"/>
      <c r="AR257" s="54"/>
      <c r="AS257" s="54"/>
      <c r="AT257" s="54"/>
      <c r="AV257" s="54"/>
      <c r="AW257" s="54"/>
      <c r="AX257" s="54"/>
      <c r="AY257" s="54"/>
      <c r="AZ257" s="54"/>
      <c r="BA257" s="54"/>
      <c r="BB257" s="54"/>
      <c r="BC257" s="54"/>
      <c r="BD257" s="54"/>
      <c r="BE257" s="54"/>
      <c r="BF257" s="54"/>
      <c r="BG257" s="54"/>
      <c r="BH257" s="54"/>
      <c r="BI257" s="54"/>
      <c r="BJ257" s="54"/>
      <c r="BK257" s="54"/>
      <c r="BL257" s="54"/>
      <c r="BM257" s="54"/>
      <c r="BN257" s="54"/>
      <c r="BO257" s="54"/>
      <c r="BP257" s="54"/>
      <c r="BQ257" s="54"/>
      <c r="BR257" s="54"/>
      <c r="BS257" s="54"/>
      <c r="BT257" s="9"/>
    </row>
    <row r="258" spans="1:72" s="22" customFormat="1" x14ac:dyDescent="0.15">
      <c r="A258" s="176"/>
      <c r="B258" s="1"/>
      <c r="I258" s="233"/>
      <c r="J258" s="5"/>
      <c r="K258" s="6"/>
      <c r="L258" s="306"/>
      <c r="M258" s="306"/>
      <c r="N258" s="306"/>
      <c r="O258" s="306"/>
      <c r="P258" s="306"/>
      <c r="R258" s="38"/>
      <c r="S258" s="38"/>
      <c r="T258" s="38"/>
      <c r="U258" s="38"/>
      <c r="W258" s="38"/>
      <c r="X258" s="38"/>
      <c r="Y258" s="38"/>
      <c r="Z258" s="38"/>
      <c r="AB258" s="38"/>
      <c r="AC258" s="38"/>
      <c r="AD258" s="38"/>
      <c r="AE258" s="38"/>
      <c r="AG258" s="38"/>
      <c r="AH258" s="38"/>
      <c r="AI258" s="38"/>
      <c r="AJ258" s="38"/>
      <c r="AL258" s="38"/>
      <c r="AM258" s="38"/>
      <c r="AN258" s="38"/>
      <c r="AO258" s="38"/>
      <c r="AQ258" s="38"/>
      <c r="AR258" s="38"/>
      <c r="AS258" s="38"/>
      <c r="AT258" s="38"/>
      <c r="AV258" s="38"/>
      <c r="AW258" s="38"/>
      <c r="AX258" s="38"/>
      <c r="AY258" s="38"/>
      <c r="AZ258" s="38"/>
      <c r="BA258" s="38"/>
      <c r="BB258" s="38"/>
      <c r="BC258" s="38"/>
      <c r="BD258" s="38"/>
      <c r="BE258" s="38"/>
      <c r="BF258" s="38"/>
      <c r="BG258" s="38"/>
      <c r="BH258" s="38"/>
      <c r="BI258" s="38"/>
      <c r="BJ258" s="38"/>
      <c r="BK258" s="38"/>
      <c r="BL258" s="38"/>
      <c r="BM258" s="38"/>
      <c r="BN258" s="38"/>
      <c r="BO258" s="38"/>
      <c r="BP258" s="38"/>
      <c r="BQ258" s="38"/>
      <c r="BR258" s="38"/>
      <c r="BS258" s="38"/>
      <c r="BT258" s="9"/>
    </row>
    <row r="259" spans="1:72" s="22" customFormat="1" x14ac:dyDescent="0.15">
      <c r="A259" s="176"/>
      <c r="B259" s="1"/>
      <c r="I259" s="233"/>
      <c r="J259" s="5"/>
      <c r="K259" s="6"/>
      <c r="L259" s="306"/>
      <c r="M259" s="306"/>
      <c r="N259" s="306"/>
      <c r="O259" s="306"/>
      <c r="P259" s="306"/>
      <c r="R259" s="38"/>
      <c r="S259" s="38"/>
      <c r="T259" s="38"/>
      <c r="U259" s="38"/>
      <c r="W259" s="38"/>
      <c r="X259" s="38"/>
      <c r="Y259" s="38"/>
      <c r="Z259" s="38"/>
      <c r="AB259" s="38"/>
      <c r="AC259" s="38"/>
      <c r="AD259" s="38"/>
      <c r="AE259" s="38"/>
      <c r="AG259" s="38"/>
      <c r="AH259" s="38"/>
      <c r="AI259" s="38"/>
      <c r="AJ259" s="38"/>
      <c r="AL259" s="38"/>
      <c r="AM259" s="38"/>
      <c r="AN259" s="38"/>
      <c r="AO259" s="38"/>
      <c r="AQ259" s="38"/>
      <c r="AR259" s="38"/>
      <c r="AS259" s="38"/>
      <c r="AT259" s="38"/>
      <c r="AV259" s="38"/>
      <c r="AW259" s="38"/>
      <c r="AX259" s="38"/>
      <c r="AY259" s="38"/>
      <c r="AZ259" s="38"/>
      <c r="BA259" s="38"/>
      <c r="BB259" s="38"/>
      <c r="BC259" s="38"/>
      <c r="BD259" s="38"/>
      <c r="BE259" s="38"/>
      <c r="BF259" s="38"/>
      <c r="BG259" s="38"/>
      <c r="BH259" s="38"/>
      <c r="BI259" s="38"/>
      <c r="BJ259" s="38"/>
      <c r="BK259" s="38"/>
      <c r="BL259" s="38"/>
      <c r="BM259" s="38"/>
      <c r="BN259" s="38"/>
      <c r="BO259" s="38"/>
      <c r="BP259" s="38"/>
      <c r="BQ259" s="38"/>
      <c r="BR259" s="38"/>
      <c r="BS259" s="38"/>
      <c r="BT259" s="9"/>
    </row>
    <row r="260" spans="1:72" s="22" customFormat="1" x14ac:dyDescent="0.15">
      <c r="A260" s="176"/>
      <c r="B260" s="1"/>
      <c r="I260" s="4"/>
      <c r="J260" s="38"/>
      <c r="K260" s="39"/>
      <c r="L260" s="5"/>
      <c r="M260" s="5"/>
      <c r="N260" s="8"/>
      <c r="O260" s="8"/>
      <c r="P260" s="8"/>
      <c r="Q260" s="8"/>
      <c r="R260" s="8"/>
      <c r="S260" s="8"/>
      <c r="T260" s="8"/>
      <c r="U260" s="8"/>
      <c r="V260" s="8"/>
      <c r="W260" s="8"/>
      <c r="X260" s="8"/>
      <c r="Y260" s="8"/>
      <c r="Z260" s="8"/>
      <c r="AA260" s="8"/>
      <c r="AB260" s="8"/>
      <c r="AC260" s="8"/>
      <c r="AD260" s="8"/>
      <c r="AE260" s="8"/>
      <c r="AF260" s="8"/>
      <c r="AG260" s="8"/>
      <c r="AH260" s="8"/>
      <c r="AI260" s="8"/>
      <c r="AJ260" s="8"/>
      <c r="AK260" s="8"/>
      <c r="AL260" s="8"/>
      <c r="AM260" s="8"/>
      <c r="AN260" s="8"/>
      <c r="AO260" s="8"/>
      <c r="AP260" s="8"/>
      <c r="AQ260" s="8"/>
      <c r="AR260" s="8"/>
      <c r="AS260" s="8"/>
      <c r="AT260" s="8"/>
      <c r="AU260" s="8"/>
      <c r="AV260" s="8"/>
      <c r="AW260" s="8"/>
      <c r="AX260" s="8"/>
      <c r="AY260" s="8"/>
      <c r="AZ260" s="8"/>
      <c r="BA260" s="8"/>
      <c r="BB260" s="8"/>
      <c r="BC260" s="8"/>
      <c r="BD260" s="8"/>
      <c r="BE260" s="8"/>
      <c r="BF260" s="8"/>
      <c r="BG260" s="8"/>
      <c r="BH260" s="8"/>
      <c r="BI260" s="8"/>
      <c r="BJ260" s="8"/>
      <c r="BK260" s="8"/>
      <c r="BL260" s="8"/>
      <c r="BM260" s="8"/>
      <c r="BN260" s="8"/>
      <c r="BO260" s="8"/>
      <c r="BP260" s="8"/>
      <c r="BQ260" s="8"/>
      <c r="BR260" s="8"/>
      <c r="BS260" s="8"/>
      <c r="BT260" s="9"/>
    </row>
    <row r="261" spans="1:72" s="22" customFormat="1" x14ac:dyDescent="0.15">
      <c r="A261" s="176"/>
      <c r="B261" s="1"/>
      <c r="C261" s="233"/>
      <c r="D261" s="233"/>
      <c r="E261" s="233"/>
      <c r="F261" s="233"/>
      <c r="G261" s="233"/>
      <c r="H261" s="233"/>
      <c r="I261" s="4"/>
      <c r="J261" s="38"/>
      <c r="K261" s="39"/>
      <c r="L261" s="5"/>
      <c r="M261" s="5"/>
      <c r="N261" s="8"/>
      <c r="O261" s="8"/>
      <c r="P261" s="8"/>
      <c r="Q261" s="8"/>
      <c r="R261" s="8"/>
      <c r="S261" s="8"/>
      <c r="T261" s="8"/>
      <c r="U261" s="8"/>
      <c r="V261" s="8"/>
      <c r="W261" s="8"/>
      <c r="X261" s="8"/>
      <c r="Y261" s="8"/>
      <c r="Z261" s="8"/>
      <c r="AA261" s="8"/>
      <c r="AB261" s="8"/>
      <c r="AC261" s="8"/>
      <c r="AD261" s="8"/>
      <c r="AE261" s="8"/>
      <c r="AF261" s="8"/>
      <c r="AG261" s="8"/>
      <c r="AH261" s="8"/>
      <c r="AI261" s="8"/>
      <c r="AJ261" s="8"/>
      <c r="AK261" s="8"/>
      <c r="AL261" s="8"/>
      <c r="AM261" s="8"/>
      <c r="AN261" s="8"/>
      <c r="AO261" s="8"/>
      <c r="AP261" s="8"/>
      <c r="AQ261" s="8"/>
      <c r="AR261" s="8"/>
      <c r="AS261" s="8"/>
      <c r="AT261" s="8"/>
      <c r="AU261" s="8"/>
      <c r="AV261" s="8"/>
      <c r="AW261" s="8"/>
      <c r="AX261" s="8"/>
      <c r="AY261" s="8"/>
      <c r="AZ261" s="8"/>
      <c r="BA261" s="8"/>
      <c r="BB261" s="8"/>
      <c r="BC261" s="8"/>
      <c r="BD261" s="8"/>
      <c r="BE261" s="8"/>
      <c r="BF261" s="8"/>
      <c r="BG261" s="8"/>
      <c r="BH261" s="8"/>
      <c r="BI261" s="8"/>
      <c r="BJ261" s="8"/>
      <c r="BK261" s="8"/>
      <c r="BL261" s="8"/>
      <c r="BM261" s="8"/>
      <c r="BN261" s="8"/>
      <c r="BO261" s="8"/>
      <c r="BP261" s="8"/>
      <c r="BQ261" s="8"/>
      <c r="BR261" s="8"/>
      <c r="BS261" s="8"/>
      <c r="BT261" s="9"/>
    </row>
    <row r="262" spans="1:72" s="22" customFormat="1" x14ac:dyDescent="0.15">
      <c r="A262" s="176"/>
      <c r="B262" s="1"/>
      <c r="C262" s="42"/>
      <c r="D262" s="42"/>
      <c r="E262" s="42"/>
      <c r="F262" s="42"/>
      <c r="G262" s="42"/>
      <c r="H262" s="42"/>
      <c r="I262" s="42"/>
      <c r="J262" s="42"/>
      <c r="K262" s="55"/>
      <c r="L262" s="42"/>
      <c r="M262" s="42"/>
      <c r="N262" s="42"/>
      <c r="O262" s="42"/>
      <c r="P262" s="42"/>
      <c r="Q262" s="42"/>
      <c r="R262" s="42"/>
      <c r="S262" s="42"/>
      <c r="T262" s="42"/>
      <c r="U262" s="42"/>
      <c r="V262" s="42"/>
      <c r="W262" s="42"/>
      <c r="X262" s="42"/>
      <c r="Y262" s="42"/>
      <c r="Z262" s="42"/>
      <c r="AA262" s="42"/>
      <c r="AB262" s="42"/>
      <c r="AC262" s="42"/>
      <c r="AD262" s="42"/>
      <c r="AE262" s="42"/>
      <c r="AF262" s="42"/>
      <c r="AG262" s="42"/>
      <c r="AH262" s="42"/>
      <c r="AI262" s="42"/>
      <c r="AJ262" s="42"/>
      <c r="AK262" s="42"/>
      <c r="AL262" s="42"/>
      <c r="AM262" s="42"/>
      <c r="AN262" s="42"/>
      <c r="AO262" s="42"/>
      <c r="AP262" s="42"/>
      <c r="AQ262" s="42"/>
      <c r="AR262" s="42"/>
      <c r="AS262" s="42"/>
      <c r="AT262" s="42"/>
      <c r="AU262" s="42"/>
      <c r="AV262" s="42"/>
      <c r="AW262" s="42"/>
      <c r="AX262" s="42"/>
      <c r="AY262" s="42"/>
      <c r="AZ262" s="42"/>
      <c r="BA262" s="42"/>
      <c r="BB262" s="42"/>
      <c r="BC262" s="42"/>
      <c r="BD262" s="42"/>
      <c r="BE262" s="42"/>
      <c r="BF262" s="42"/>
      <c r="BG262" s="42"/>
      <c r="BH262" s="42"/>
      <c r="BI262" s="42"/>
      <c r="BJ262" s="42"/>
      <c r="BK262" s="42"/>
      <c r="BL262" s="42"/>
      <c r="BM262" s="42"/>
      <c r="BN262" s="42"/>
      <c r="BO262" s="42"/>
      <c r="BP262" s="42"/>
      <c r="BQ262" s="42"/>
      <c r="BR262" s="42"/>
      <c r="BS262" s="42"/>
      <c r="BT262" s="9"/>
    </row>
    <row r="263" spans="1:72" s="81" customFormat="1" ht="36.75" customHeight="1" x14ac:dyDescent="0.15">
      <c r="A263" s="176"/>
      <c r="B263" s="107"/>
      <c r="C263" s="107"/>
      <c r="D263" s="66"/>
      <c r="E263" s="66"/>
      <c r="F263" s="66"/>
      <c r="G263" s="66"/>
      <c r="H263" s="91"/>
      <c r="I263" s="91"/>
      <c r="J263" s="82"/>
      <c r="K263" s="83"/>
      <c r="L263" s="83"/>
      <c r="M263" s="83"/>
      <c r="N263" s="83"/>
      <c r="O263" s="83"/>
      <c r="P263" s="22"/>
      <c r="Q263" s="22"/>
      <c r="R263" s="22"/>
    </row>
    <row r="264" spans="1:72" s="84" customFormat="1" ht="19.5" x14ac:dyDescent="0.15">
      <c r="A264" s="176"/>
      <c r="B264" s="155" t="s">
        <v>229</v>
      </c>
      <c r="C264" s="156"/>
      <c r="D264" s="156"/>
      <c r="E264" s="62"/>
      <c r="F264" s="62"/>
      <c r="G264" s="62"/>
      <c r="H264" s="63"/>
      <c r="I264" s="63"/>
      <c r="J264" s="157"/>
      <c r="K264" s="64"/>
      <c r="L264" s="158"/>
      <c r="M264" s="158"/>
      <c r="N264" s="158"/>
      <c r="O264" s="158"/>
      <c r="P264" s="22"/>
      <c r="Q264" s="22"/>
      <c r="R264" s="22"/>
    </row>
    <row r="265" spans="1:72" s="84" customFormat="1" x14ac:dyDescent="0.15">
      <c r="A265" s="176"/>
      <c r="B265" s="135" t="s">
        <v>230</v>
      </c>
      <c r="C265" s="74"/>
      <c r="D265" s="74"/>
      <c r="E265" s="3"/>
      <c r="F265" s="3"/>
      <c r="G265" s="3"/>
      <c r="H265" s="242"/>
      <c r="I265" s="242"/>
      <c r="J265" s="86"/>
      <c r="K265" s="69"/>
      <c r="L265" s="93"/>
      <c r="M265" s="93"/>
      <c r="N265" s="93"/>
      <c r="O265" s="93"/>
      <c r="P265" s="22"/>
      <c r="Q265" s="22"/>
      <c r="R265" s="22"/>
    </row>
    <row r="266" spans="1:72" x14ac:dyDescent="0.15">
      <c r="A266" s="176"/>
      <c r="B266" s="19"/>
      <c r="C266" s="19"/>
      <c r="D266" s="19"/>
      <c r="E266" s="19"/>
      <c r="F266" s="19"/>
      <c r="G266" s="19"/>
      <c r="H266" s="15"/>
      <c r="I266" s="15"/>
      <c r="L266" s="93"/>
      <c r="M266" s="93"/>
      <c r="N266" s="93"/>
      <c r="O266" s="93"/>
      <c r="P266" s="22"/>
      <c r="Q266" s="22"/>
      <c r="R266" s="22"/>
    </row>
    <row r="267" spans="1:72" x14ac:dyDescent="0.15">
      <c r="A267" s="176"/>
      <c r="B267" s="19"/>
      <c r="C267" s="3"/>
      <c r="D267" s="3"/>
      <c r="F267" s="3"/>
      <c r="G267" s="3"/>
      <c r="H267" s="242"/>
      <c r="I267" s="242"/>
      <c r="J267" s="71" t="s">
        <v>4</v>
      </c>
      <c r="K267" s="72"/>
      <c r="L267" s="93"/>
      <c r="M267" s="93"/>
      <c r="N267" s="93"/>
      <c r="O267" s="93"/>
      <c r="P267" s="22"/>
      <c r="Q267" s="22"/>
      <c r="R267" s="22"/>
    </row>
    <row r="268" spans="1:72" x14ac:dyDescent="0.15">
      <c r="A268" s="176"/>
      <c r="B268" s="1"/>
      <c r="C268" s="3"/>
      <c r="D268" s="3"/>
      <c r="F268" s="3"/>
      <c r="G268" s="3"/>
      <c r="H268" s="242"/>
      <c r="I268" s="74" t="s">
        <v>67</v>
      </c>
      <c r="J268" s="75"/>
      <c r="K268" s="76"/>
      <c r="L268" s="93"/>
      <c r="M268" s="93"/>
      <c r="N268" s="93"/>
      <c r="O268" s="93"/>
      <c r="P268" s="22"/>
      <c r="Q268" s="22"/>
      <c r="R268" s="22"/>
    </row>
    <row r="269" spans="1:72" s="81" customFormat="1" ht="34.5" customHeight="1" x14ac:dyDescent="0.15">
      <c r="A269" s="196" t="s">
        <v>231</v>
      </c>
      <c r="B269" s="88"/>
      <c r="C269" s="311" t="s">
        <v>232</v>
      </c>
      <c r="D269" s="315" t="s">
        <v>233</v>
      </c>
      <c r="E269" s="321"/>
      <c r="F269" s="321"/>
      <c r="G269" s="321"/>
      <c r="H269" s="321"/>
      <c r="I269" s="322" t="s">
        <v>234</v>
      </c>
      <c r="J269" s="209">
        <v>0</v>
      </c>
      <c r="K269" s="118" t="str">
        <f>IF(OR(COUNTIF(J269,"未確認")&gt;0,COUNTIF(J269,"*")&gt;0),"※","")</f>
        <v/>
      </c>
      <c r="L269" s="93"/>
      <c r="M269" s="93"/>
      <c r="N269" s="93"/>
      <c r="O269" s="93"/>
      <c r="P269" s="22"/>
      <c r="Q269" s="22"/>
      <c r="R269" s="22"/>
    </row>
    <row r="270" spans="1:72" s="81" customFormat="1" ht="34.5" customHeight="1" x14ac:dyDescent="0.15">
      <c r="A270" s="196" t="s">
        <v>235</v>
      </c>
      <c r="B270" s="88"/>
      <c r="C270" s="320"/>
      <c r="D270" s="323"/>
      <c r="E270" s="257" t="s">
        <v>236</v>
      </c>
      <c r="F270" s="257"/>
      <c r="G270" s="257"/>
      <c r="H270" s="257"/>
      <c r="I270" s="322"/>
      <c r="J270" s="209">
        <v>0</v>
      </c>
      <c r="K270" s="118" t="str">
        <f>IF(OR(COUNTIF(J270,"未確認")&gt;0,COUNTIF(J270,"*")&gt;0),"※","")</f>
        <v/>
      </c>
      <c r="L270" s="93"/>
      <c r="M270" s="93"/>
      <c r="N270" s="93"/>
      <c r="O270" s="93"/>
      <c r="P270" s="22"/>
      <c r="Q270" s="22"/>
      <c r="R270" s="22"/>
    </row>
    <row r="271" spans="1:72" s="81" customFormat="1" ht="34.5" customHeight="1" x14ac:dyDescent="0.15">
      <c r="A271" s="196" t="s">
        <v>237</v>
      </c>
      <c r="B271" s="88"/>
      <c r="C271" s="320"/>
      <c r="D271" s="324"/>
      <c r="E271" s="315" t="s">
        <v>238</v>
      </c>
      <c r="F271" s="321"/>
      <c r="G271" s="321"/>
      <c r="H271" s="321"/>
      <c r="I271" s="322"/>
      <c r="J271" s="215">
        <v>0</v>
      </c>
      <c r="K271" s="118" t="str">
        <f>IF(OR(COUNTIF(J271,"未確認")&gt;0,COUNTIF(J271,"*")&gt;0),"※","")</f>
        <v/>
      </c>
      <c r="L271" s="93"/>
      <c r="M271" s="93"/>
      <c r="N271" s="93"/>
      <c r="O271" s="93"/>
      <c r="P271" s="22"/>
      <c r="Q271" s="22"/>
      <c r="R271" s="22"/>
    </row>
    <row r="272" spans="1:72" s="81" customFormat="1" ht="34.5" customHeight="1" x14ac:dyDescent="0.15">
      <c r="A272" s="196" t="s">
        <v>239</v>
      </c>
      <c r="B272" s="1"/>
      <c r="C272" s="320"/>
      <c r="D272" s="257" t="s">
        <v>240</v>
      </c>
      <c r="E272" s="258"/>
      <c r="F272" s="258"/>
      <c r="G272" s="258"/>
      <c r="H272" s="258"/>
      <c r="I272" s="322"/>
      <c r="J272" s="209">
        <v>0</v>
      </c>
      <c r="K272" s="118" t="str">
        <f>IF(OR(COUNTIF(J272,"未確認")&gt;0,COUNTIF(J272,"*")&gt;0),"※","")</f>
        <v/>
      </c>
      <c r="L272" s="93"/>
      <c r="M272" s="93"/>
      <c r="N272" s="93"/>
      <c r="O272" s="93"/>
      <c r="P272" s="22"/>
      <c r="Q272" s="22"/>
      <c r="R272" s="22"/>
    </row>
    <row r="273" spans="1:18" s="81" customFormat="1" ht="34.5" customHeight="1" x14ac:dyDescent="0.15">
      <c r="A273" s="196" t="s">
        <v>241</v>
      </c>
      <c r="B273" s="107"/>
      <c r="C273" s="320"/>
      <c r="D273" s="257" t="s">
        <v>242</v>
      </c>
      <c r="E273" s="258"/>
      <c r="F273" s="258"/>
      <c r="G273" s="258"/>
      <c r="H273" s="258"/>
      <c r="I273" s="322"/>
      <c r="J273" s="209">
        <v>0</v>
      </c>
      <c r="K273" s="118" t="str">
        <f>IF(OR(COUNTIF(J273,"未確認")&gt;0,COUNTIF(J273,"*")&gt;0),"※","")</f>
        <v/>
      </c>
      <c r="L273" s="93"/>
      <c r="M273" s="93"/>
      <c r="N273" s="93"/>
      <c r="O273" s="93"/>
      <c r="P273" s="22"/>
      <c r="Q273" s="22"/>
      <c r="R273" s="22"/>
    </row>
    <row r="274" spans="1:18" s="84" customFormat="1" x14ac:dyDescent="0.15">
      <c r="A274" s="176"/>
      <c r="B274" s="19"/>
      <c r="C274" s="19"/>
      <c r="D274" s="19"/>
      <c r="E274" s="19"/>
      <c r="F274" s="19"/>
      <c r="G274" s="19"/>
      <c r="H274" s="15"/>
      <c r="I274" s="242"/>
      <c r="J274" s="82"/>
      <c r="K274" s="83"/>
      <c r="L274" s="92"/>
      <c r="M274" s="92"/>
      <c r="N274" s="92"/>
      <c r="O274" s="92"/>
      <c r="P274" s="22"/>
      <c r="Q274" s="22"/>
      <c r="R274" s="22"/>
    </row>
    <row r="275" spans="1:18" s="81" customFormat="1" x14ac:dyDescent="0.15">
      <c r="A275" s="176"/>
      <c r="B275" s="88"/>
      <c r="C275" s="66"/>
      <c r="D275" s="66"/>
      <c r="E275" s="66"/>
      <c r="F275" s="66"/>
      <c r="G275" s="66"/>
      <c r="H275" s="91"/>
      <c r="I275" s="91"/>
      <c r="J275" s="82"/>
      <c r="K275" s="83"/>
      <c r="L275" s="83"/>
      <c r="M275" s="83"/>
      <c r="N275" s="83"/>
      <c r="O275" s="83"/>
      <c r="P275" s="22"/>
      <c r="Q275" s="22"/>
      <c r="R275" s="22"/>
    </row>
    <row r="276" spans="1:18" s="84" customFormat="1" x14ac:dyDescent="0.15">
      <c r="A276" s="176"/>
      <c r="B276" s="107"/>
      <c r="C276" s="160"/>
      <c r="D276" s="3"/>
      <c r="E276" s="3"/>
      <c r="F276" s="3"/>
      <c r="H276" s="242"/>
      <c r="I276" s="242"/>
      <c r="J276" s="86"/>
      <c r="K276" s="69"/>
      <c r="L276" s="93"/>
      <c r="M276" s="93"/>
      <c r="N276" s="93"/>
      <c r="O276" s="93"/>
      <c r="P276" s="22"/>
      <c r="Q276" s="22"/>
      <c r="R276" s="22"/>
    </row>
    <row r="277" spans="1:18" s="84" customFormat="1" x14ac:dyDescent="0.15">
      <c r="A277" s="176"/>
      <c r="B277" s="135" t="s">
        <v>243</v>
      </c>
      <c r="C277" s="101"/>
      <c r="D277" s="101"/>
      <c r="E277" s="101"/>
      <c r="F277" s="101"/>
      <c r="G277" s="101"/>
      <c r="H277" s="15"/>
      <c r="I277" s="15"/>
      <c r="J277" s="86"/>
      <c r="K277" s="69"/>
      <c r="L277" s="93"/>
      <c r="M277" s="93"/>
      <c r="N277" s="93"/>
      <c r="O277" s="93"/>
      <c r="P277" s="22"/>
      <c r="Q277" s="22"/>
      <c r="R277" s="22"/>
    </row>
    <row r="278" spans="1:18" x14ac:dyDescent="0.15">
      <c r="A278" s="176"/>
      <c r="B278" s="19"/>
      <c r="C278" s="19"/>
      <c r="D278" s="19"/>
      <c r="E278" s="19"/>
      <c r="F278" s="19"/>
      <c r="G278" s="19"/>
      <c r="H278" s="15"/>
      <c r="I278" s="15"/>
      <c r="L278" s="93"/>
      <c r="M278" s="93"/>
      <c r="N278" s="93"/>
      <c r="O278" s="93"/>
      <c r="P278" s="22"/>
      <c r="Q278" s="22"/>
      <c r="R278" s="22"/>
    </row>
    <row r="279" spans="1:18" x14ac:dyDescent="0.15">
      <c r="A279" s="176"/>
      <c r="B279" s="19"/>
      <c r="C279" s="3"/>
      <c r="D279" s="3"/>
      <c r="F279" s="3"/>
      <c r="G279" s="3"/>
      <c r="H279" s="242"/>
      <c r="I279" s="242"/>
      <c r="J279" s="71" t="s">
        <v>4</v>
      </c>
      <c r="K279" s="72"/>
      <c r="L279" s="73"/>
      <c r="M279" s="73"/>
      <c r="N279" s="73"/>
      <c r="O279" s="73"/>
      <c r="P279" s="22"/>
      <c r="Q279" s="22"/>
      <c r="R279" s="22"/>
    </row>
    <row r="280" spans="1:18" x14ac:dyDescent="0.15">
      <c r="A280" s="176"/>
      <c r="B280" s="1"/>
      <c r="C280" s="66"/>
      <c r="D280" s="3"/>
      <c r="F280" s="3"/>
      <c r="G280" s="3"/>
      <c r="H280" s="242"/>
      <c r="I280" s="74" t="s">
        <v>67</v>
      </c>
      <c r="J280" s="75"/>
      <c r="K280" s="76"/>
      <c r="L280" s="73"/>
      <c r="M280" s="73"/>
      <c r="N280" s="73"/>
      <c r="O280" s="73"/>
      <c r="P280" s="22"/>
      <c r="Q280" s="22"/>
      <c r="R280" s="22"/>
    </row>
    <row r="281" spans="1:18" s="81" customFormat="1" ht="34.5" customHeight="1" x14ac:dyDescent="0.15">
      <c r="A281" s="196" t="s">
        <v>244</v>
      </c>
      <c r="B281" s="107"/>
      <c r="C281" s="311" t="s">
        <v>232</v>
      </c>
      <c r="D281" s="257" t="s">
        <v>233</v>
      </c>
      <c r="E281" s="257"/>
      <c r="F281" s="257"/>
      <c r="G281" s="257"/>
      <c r="H281" s="257"/>
      <c r="I281" s="292" t="s">
        <v>245</v>
      </c>
      <c r="J281" s="209">
        <v>0</v>
      </c>
      <c r="K281" s="118" t="str">
        <f t="shared" ref="K281:K296" si="2">IF(OR(COUNTIF(J281,"未確認")&gt;0,COUNTIF(J281,"*")&gt;0),"※","")</f>
        <v/>
      </c>
      <c r="L281" s="73"/>
      <c r="M281" s="73"/>
      <c r="N281" s="73"/>
      <c r="O281" s="73"/>
      <c r="P281" s="22"/>
      <c r="Q281" s="22"/>
      <c r="R281" s="22"/>
    </row>
    <row r="282" spans="1:18" s="81" customFormat="1" ht="34.5" customHeight="1" x14ac:dyDescent="0.15">
      <c r="A282" s="196" t="s">
        <v>246</v>
      </c>
      <c r="B282" s="107"/>
      <c r="C282" s="311"/>
      <c r="D282" s="310" t="s">
        <v>247</v>
      </c>
      <c r="E282" s="312" t="s">
        <v>248</v>
      </c>
      <c r="F282" s="313"/>
      <c r="G282" s="313"/>
      <c r="H282" s="313"/>
      <c r="I282" s="308"/>
      <c r="J282" s="209">
        <v>0</v>
      </c>
      <c r="K282" s="118" t="str">
        <f t="shared" si="2"/>
        <v/>
      </c>
      <c r="L282" s="73"/>
      <c r="M282" s="73"/>
      <c r="N282" s="73"/>
      <c r="O282" s="73"/>
      <c r="P282" s="22"/>
      <c r="Q282" s="22"/>
      <c r="R282" s="22"/>
    </row>
    <row r="283" spans="1:18" s="81" customFormat="1" ht="34.5" customHeight="1" x14ac:dyDescent="0.15">
      <c r="A283" s="196" t="s">
        <v>249</v>
      </c>
      <c r="B283" s="107"/>
      <c r="C283" s="311"/>
      <c r="D283" s="311"/>
      <c r="E283" s="257" t="s">
        <v>250</v>
      </c>
      <c r="F283" s="314"/>
      <c r="G283" s="314"/>
      <c r="H283" s="314"/>
      <c r="I283" s="308"/>
      <c r="J283" s="209">
        <v>0</v>
      </c>
      <c r="K283" s="118" t="str">
        <f t="shared" si="2"/>
        <v/>
      </c>
      <c r="L283" s="73"/>
      <c r="M283" s="73"/>
      <c r="N283" s="73"/>
      <c r="O283" s="73"/>
      <c r="P283" s="22"/>
      <c r="Q283" s="22"/>
      <c r="R283" s="22"/>
    </row>
    <row r="284" spans="1:18" s="81" customFormat="1" ht="34.5" customHeight="1" x14ac:dyDescent="0.15">
      <c r="A284" s="196" t="s">
        <v>251</v>
      </c>
      <c r="B284" s="107"/>
      <c r="C284" s="311"/>
      <c r="D284" s="311"/>
      <c r="E284" s="259" t="s">
        <v>252</v>
      </c>
      <c r="F284" s="260"/>
      <c r="G284" s="260"/>
      <c r="H284" s="261"/>
      <c r="I284" s="308"/>
      <c r="J284" s="209">
        <v>0</v>
      </c>
      <c r="K284" s="118" t="str">
        <f t="shared" si="2"/>
        <v/>
      </c>
      <c r="L284" s="73"/>
      <c r="M284" s="73"/>
      <c r="N284" s="73"/>
      <c r="O284" s="73"/>
      <c r="P284" s="22"/>
      <c r="Q284" s="22"/>
      <c r="R284" s="22"/>
    </row>
    <row r="285" spans="1:18" s="81" customFormat="1" ht="34.5" customHeight="1" x14ac:dyDescent="0.15">
      <c r="A285" s="196" t="s">
        <v>253</v>
      </c>
      <c r="B285" s="107"/>
      <c r="C285" s="311"/>
      <c r="D285" s="311"/>
      <c r="E285" s="257" t="s">
        <v>254</v>
      </c>
      <c r="F285" s="307"/>
      <c r="G285" s="307"/>
      <c r="H285" s="307"/>
      <c r="I285" s="308"/>
      <c r="J285" s="209">
        <v>0</v>
      </c>
      <c r="K285" s="118" t="str">
        <f t="shared" si="2"/>
        <v/>
      </c>
      <c r="L285" s="73"/>
      <c r="M285" s="73"/>
      <c r="N285" s="73"/>
      <c r="O285" s="73"/>
      <c r="P285" s="22"/>
      <c r="Q285" s="22"/>
      <c r="R285" s="22"/>
    </row>
    <row r="286" spans="1:18" s="81" customFormat="1" ht="34.5" customHeight="1" x14ac:dyDescent="0.15">
      <c r="A286" s="196" t="s">
        <v>255</v>
      </c>
      <c r="B286" s="107"/>
      <c r="C286" s="311"/>
      <c r="D286" s="311"/>
      <c r="E286" s="257" t="s">
        <v>256</v>
      </c>
      <c r="F286" s="314"/>
      <c r="G286" s="314"/>
      <c r="H286" s="314"/>
      <c r="I286" s="308"/>
      <c r="J286" s="209">
        <v>0</v>
      </c>
      <c r="K286" s="118" t="str">
        <f t="shared" si="2"/>
        <v/>
      </c>
      <c r="L286" s="73"/>
      <c r="M286" s="73"/>
      <c r="N286" s="73"/>
      <c r="O286" s="73"/>
      <c r="P286" s="22"/>
      <c r="Q286" s="22"/>
      <c r="R286" s="22"/>
    </row>
    <row r="287" spans="1:18" s="81" customFormat="1" ht="34.5" customHeight="1" x14ac:dyDescent="0.15">
      <c r="A287" s="196" t="s">
        <v>257</v>
      </c>
      <c r="B287" s="107"/>
      <c r="C287" s="311"/>
      <c r="D287" s="254"/>
      <c r="E287" s="315" t="s">
        <v>118</v>
      </c>
      <c r="F287" s="316"/>
      <c r="G287" s="316"/>
      <c r="H287" s="316"/>
      <c r="I287" s="308"/>
      <c r="J287" s="209">
        <v>0</v>
      </c>
      <c r="K287" s="118" t="str">
        <f t="shared" si="2"/>
        <v/>
      </c>
      <c r="L287" s="73"/>
      <c r="M287" s="73"/>
      <c r="N287" s="73"/>
      <c r="O287" s="73"/>
      <c r="P287" s="22"/>
      <c r="Q287" s="22"/>
      <c r="R287" s="22"/>
    </row>
    <row r="288" spans="1:18" s="81" customFormat="1" ht="34.5" customHeight="1" x14ac:dyDescent="0.15">
      <c r="A288" s="196" t="s">
        <v>258</v>
      </c>
      <c r="B288" s="107"/>
      <c r="C288" s="311"/>
      <c r="D288" s="257" t="s">
        <v>242</v>
      </c>
      <c r="E288" s="314"/>
      <c r="F288" s="314"/>
      <c r="G288" s="314"/>
      <c r="H288" s="314"/>
      <c r="I288" s="308"/>
      <c r="J288" s="209">
        <v>0</v>
      </c>
      <c r="K288" s="118" t="str">
        <f t="shared" si="2"/>
        <v/>
      </c>
      <c r="L288" s="73"/>
      <c r="M288" s="73"/>
      <c r="N288" s="73"/>
      <c r="O288" s="73"/>
      <c r="P288" s="22"/>
      <c r="Q288" s="22"/>
      <c r="R288" s="22"/>
    </row>
    <row r="289" spans="1:18" s="81" customFormat="1" ht="34.5" customHeight="1" x14ac:dyDescent="0.15">
      <c r="A289" s="196" t="s">
        <v>259</v>
      </c>
      <c r="B289" s="107"/>
      <c r="C289" s="311"/>
      <c r="D289" s="310" t="s">
        <v>260</v>
      </c>
      <c r="E289" s="312" t="s">
        <v>261</v>
      </c>
      <c r="F289" s="313"/>
      <c r="G289" s="313"/>
      <c r="H289" s="313"/>
      <c r="I289" s="308"/>
      <c r="J289" s="209">
        <v>0</v>
      </c>
      <c r="K289" s="118" t="str">
        <f t="shared" si="2"/>
        <v/>
      </c>
      <c r="L289" s="73"/>
      <c r="M289" s="73"/>
      <c r="N289" s="73"/>
      <c r="O289" s="73"/>
      <c r="P289" s="22"/>
      <c r="Q289" s="22"/>
      <c r="R289" s="22"/>
    </row>
    <row r="290" spans="1:18" s="81" customFormat="1" ht="34.5" customHeight="1" x14ac:dyDescent="0.15">
      <c r="A290" s="196" t="s">
        <v>262</v>
      </c>
      <c r="B290" s="107"/>
      <c r="C290" s="311"/>
      <c r="D290" s="311"/>
      <c r="E290" s="257" t="s">
        <v>263</v>
      </c>
      <c r="F290" s="314"/>
      <c r="G290" s="314"/>
      <c r="H290" s="314"/>
      <c r="I290" s="308"/>
      <c r="J290" s="209">
        <v>0</v>
      </c>
      <c r="K290" s="118" t="str">
        <f t="shared" si="2"/>
        <v/>
      </c>
      <c r="L290" s="73"/>
      <c r="M290" s="73"/>
      <c r="N290" s="73"/>
      <c r="O290" s="73"/>
      <c r="P290" s="22"/>
      <c r="Q290" s="22"/>
      <c r="R290" s="22"/>
    </row>
    <row r="291" spans="1:18" s="81" customFormat="1" ht="34.5" customHeight="1" x14ac:dyDescent="0.15">
      <c r="A291" s="196" t="s">
        <v>264</v>
      </c>
      <c r="B291" s="107"/>
      <c r="C291" s="311"/>
      <c r="D291" s="311"/>
      <c r="E291" s="257" t="s">
        <v>265</v>
      </c>
      <c r="F291" s="314"/>
      <c r="G291" s="314"/>
      <c r="H291" s="314"/>
      <c r="I291" s="308"/>
      <c r="J291" s="209">
        <v>0</v>
      </c>
      <c r="K291" s="118" t="str">
        <f t="shared" si="2"/>
        <v/>
      </c>
      <c r="L291" s="73"/>
      <c r="M291" s="73"/>
      <c r="N291" s="73"/>
      <c r="O291" s="73"/>
      <c r="P291" s="22"/>
      <c r="Q291" s="22"/>
      <c r="R291" s="22"/>
    </row>
    <row r="292" spans="1:18" s="81" customFormat="1" ht="34.5" customHeight="1" x14ac:dyDescent="0.15">
      <c r="A292" s="196" t="s">
        <v>266</v>
      </c>
      <c r="B292" s="107"/>
      <c r="C292" s="311"/>
      <c r="D292" s="311"/>
      <c r="E292" s="257" t="s">
        <v>267</v>
      </c>
      <c r="F292" s="314"/>
      <c r="G292" s="314"/>
      <c r="H292" s="314"/>
      <c r="I292" s="308"/>
      <c r="J292" s="209">
        <v>0</v>
      </c>
      <c r="K292" s="118" t="str">
        <f t="shared" si="2"/>
        <v/>
      </c>
      <c r="L292" s="73"/>
      <c r="M292" s="73"/>
      <c r="N292" s="73"/>
      <c r="O292" s="73"/>
      <c r="P292" s="22"/>
      <c r="Q292" s="22"/>
      <c r="R292" s="22"/>
    </row>
    <row r="293" spans="1:18" s="81" customFormat="1" ht="34.5" customHeight="1" x14ac:dyDescent="0.15">
      <c r="A293" s="196" t="s">
        <v>268</v>
      </c>
      <c r="B293" s="107"/>
      <c r="C293" s="311"/>
      <c r="D293" s="311"/>
      <c r="E293" s="257" t="s">
        <v>269</v>
      </c>
      <c r="F293" s="307"/>
      <c r="G293" s="307"/>
      <c r="H293" s="307"/>
      <c r="I293" s="308"/>
      <c r="J293" s="209">
        <v>0</v>
      </c>
      <c r="K293" s="118" t="str">
        <f t="shared" si="2"/>
        <v/>
      </c>
      <c r="L293" s="73"/>
      <c r="M293" s="73"/>
      <c r="N293" s="73"/>
      <c r="O293" s="73"/>
      <c r="P293" s="22"/>
      <c r="Q293" s="22"/>
      <c r="R293" s="22"/>
    </row>
    <row r="294" spans="1:18" s="81" customFormat="1" ht="34.5" customHeight="1" x14ac:dyDescent="0.15">
      <c r="A294" s="196" t="s">
        <v>270</v>
      </c>
      <c r="B294" s="107"/>
      <c r="C294" s="311"/>
      <c r="D294" s="311"/>
      <c r="E294" s="257" t="s">
        <v>271</v>
      </c>
      <c r="F294" s="314"/>
      <c r="G294" s="314"/>
      <c r="H294" s="314"/>
      <c r="I294" s="308"/>
      <c r="J294" s="209">
        <v>0</v>
      </c>
      <c r="K294" s="118" t="str">
        <f t="shared" si="2"/>
        <v/>
      </c>
      <c r="L294" s="73"/>
      <c r="M294" s="73"/>
      <c r="N294" s="73"/>
      <c r="O294" s="73"/>
      <c r="P294" s="22"/>
      <c r="Q294" s="22"/>
      <c r="R294" s="22"/>
    </row>
    <row r="295" spans="1:18" s="81" customFormat="1" ht="34.5" customHeight="1" x14ac:dyDescent="0.15">
      <c r="A295" s="196" t="s">
        <v>272</v>
      </c>
      <c r="B295" s="107"/>
      <c r="C295" s="311"/>
      <c r="D295" s="311"/>
      <c r="E295" s="257" t="s">
        <v>273</v>
      </c>
      <c r="F295" s="314"/>
      <c r="G295" s="314"/>
      <c r="H295" s="314"/>
      <c r="I295" s="308"/>
      <c r="J295" s="209">
        <v>0</v>
      </c>
      <c r="K295" s="118" t="str">
        <f t="shared" si="2"/>
        <v/>
      </c>
      <c r="L295" s="73"/>
      <c r="M295" s="73"/>
      <c r="N295" s="73"/>
      <c r="O295" s="73"/>
      <c r="P295" s="22"/>
      <c r="Q295" s="22"/>
      <c r="R295" s="22"/>
    </row>
    <row r="296" spans="1:18" s="81" customFormat="1" ht="34.5" customHeight="1" x14ac:dyDescent="0.15">
      <c r="A296" s="196" t="s">
        <v>274</v>
      </c>
      <c r="B296" s="107"/>
      <c r="C296" s="311"/>
      <c r="D296" s="311"/>
      <c r="E296" s="257" t="s">
        <v>118</v>
      </c>
      <c r="F296" s="314"/>
      <c r="G296" s="314"/>
      <c r="H296" s="314"/>
      <c r="I296" s="309"/>
      <c r="J296" s="209">
        <v>0</v>
      </c>
      <c r="K296" s="118" t="str">
        <f t="shared" si="2"/>
        <v/>
      </c>
      <c r="L296" s="73"/>
      <c r="M296" s="73"/>
      <c r="N296" s="73"/>
      <c r="O296" s="73"/>
      <c r="P296" s="22"/>
      <c r="Q296" s="22"/>
      <c r="R296" s="22"/>
    </row>
    <row r="297" spans="1:18" s="84" customFormat="1" x14ac:dyDescent="0.15">
      <c r="A297" s="176"/>
      <c r="B297" s="19"/>
      <c r="C297" s="19"/>
      <c r="D297" s="19"/>
      <c r="E297" s="19"/>
      <c r="F297" s="19"/>
      <c r="G297" s="19"/>
      <c r="H297" s="15"/>
      <c r="I297" s="15"/>
      <c r="J297" s="82"/>
      <c r="K297" s="83"/>
      <c r="L297" s="92"/>
      <c r="M297" s="92"/>
      <c r="N297" s="92"/>
      <c r="O297" s="92"/>
      <c r="P297" s="22"/>
      <c r="Q297" s="22"/>
      <c r="R297" s="22"/>
    </row>
    <row r="298" spans="1:18" s="81" customFormat="1" x14ac:dyDescent="0.15">
      <c r="A298" s="176"/>
      <c r="B298" s="88"/>
      <c r="C298" s="66"/>
      <c r="D298" s="66"/>
      <c r="E298" s="66"/>
      <c r="F298" s="66"/>
      <c r="G298" s="66"/>
      <c r="H298" s="91"/>
      <c r="I298" s="91"/>
      <c r="J298" s="82"/>
      <c r="K298" s="83"/>
      <c r="L298" s="83"/>
      <c r="M298" s="83"/>
      <c r="N298" s="83"/>
      <c r="O298" s="83"/>
      <c r="P298" s="22"/>
      <c r="Q298" s="22"/>
      <c r="R298" s="22"/>
    </row>
    <row r="299" spans="1:18" s="3" customFormat="1" x14ac:dyDescent="0.15">
      <c r="A299" s="176"/>
      <c r="B299" s="107"/>
      <c r="C299" s="161"/>
      <c r="D299" s="160"/>
      <c r="H299" s="242"/>
      <c r="I299" s="242"/>
      <c r="J299" s="86"/>
      <c r="K299" s="69"/>
      <c r="L299" s="93"/>
      <c r="M299" s="93"/>
      <c r="N299" s="93"/>
      <c r="O299" s="93"/>
      <c r="P299" s="22"/>
      <c r="Q299" s="22"/>
      <c r="R299" s="22"/>
    </row>
    <row r="300" spans="1:18" s="3" customFormat="1" x14ac:dyDescent="0.15">
      <c r="A300" s="176"/>
      <c r="B300" s="19" t="s">
        <v>275</v>
      </c>
      <c r="C300" s="101"/>
      <c r="D300" s="101"/>
      <c r="E300" s="101"/>
      <c r="F300" s="101"/>
      <c r="G300" s="101"/>
      <c r="H300" s="15"/>
      <c r="I300" s="15"/>
      <c r="J300" s="86"/>
      <c r="K300" s="69"/>
      <c r="L300" s="93"/>
      <c r="M300" s="93"/>
      <c r="N300" s="93"/>
      <c r="O300" s="93"/>
      <c r="P300" s="22"/>
      <c r="Q300" s="22"/>
      <c r="R300" s="22"/>
    </row>
    <row r="301" spans="1:18" x14ac:dyDescent="0.15">
      <c r="A301" s="176"/>
      <c r="B301" s="19"/>
      <c r="C301" s="19"/>
      <c r="D301" s="19"/>
      <c r="E301" s="19"/>
      <c r="F301" s="19"/>
      <c r="G301" s="19"/>
      <c r="H301" s="15"/>
      <c r="I301" s="15"/>
      <c r="L301" s="93"/>
      <c r="M301" s="93"/>
      <c r="N301" s="93"/>
      <c r="O301" s="93"/>
      <c r="P301" s="22"/>
      <c r="Q301" s="22"/>
      <c r="R301" s="22"/>
    </row>
    <row r="302" spans="1:18" x14ac:dyDescent="0.15">
      <c r="A302" s="230"/>
      <c r="B302" s="19"/>
      <c r="C302" s="3"/>
      <c r="D302" s="3"/>
      <c r="F302" s="3"/>
      <c r="G302" s="3"/>
      <c r="H302" s="242"/>
      <c r="I302" s="242"/>
      <c r="J302" s="71" t="s">
        <v>4</v>
      </c>
      <c r="K302" s="72"/>
      <c r="L302" s="93"/>
      <c r="M302" s="93"/>
      <c r="N302" s="93"/>
      <c r="O302" s="93"/>
      <c r="P302" s="22"/>
      <c r="Q302" s="22"/>
      <c r="R302" s="22"/>
    </row>
    <row r="303" spans="1:18" x14ac:dyDescent="0.15">
      <c r="A303" s="197" t="s">
        <v>276</v>
      </c>
      <c r="B303" s="1"/>
      <c r="C303" s="66"/>
      <c r="D303" s="3"/>
      <c r="F303" s="3"/>
      <c r="G303" s="3"/>
      <c r="H303" s="242"/>
      <c r="I303" s="74" t="s">
        <v>67</v>
      </c>
      <c r="J303" s="75"/>
      <c r="K303" s="76"/>
      <c r="L303" s="93"/>
      <c r="M303" s="93"/>
      <c r="N303" s="93"/>
      <c r="O303" s="93"/>
      <c r="P303" s="22"/>
      <c r="Q303" s="22"/>
      <c r="R303" s="22"/>
    </row>
    <row r="304" spans="1:18" s="81" customFormat="1" ht="34.5" customHeight="1" x14ac:dyDescent="0.15">
      <c r="A304" s="199" t="s">
        <v>258</v>
      </c>
      <c r="B304" s="107"/>
      <c r="C304" s="276" t="s">
        <v>242</v>
      </c>
      <c r="D304" s="281"/>
      <c r="E304" s="281"/>
      <c r="F304" s="281"/>
      <c r="G304" s="281"/>
      <c r="H304" s="286"/>
      <c r="I304" s="292" t="s">
        <v>277</v>
      </c>
      <c r="J304" s="209">
        <f>J288</f>
        <v>0</v>
      </c>
      <c r="K304" s="118" t="str">
        <f>IF(OR(COUNTIF(J304,"未確認")&gt;0,COUNTIF(J304,"*")&gt;0),"※","")</f>
        <v/>
      </c>
      <c r="L304" s="93"/>
      <c r="M304" s="93"/>
      <c r="N304" s="93"/>
      <c r="O304" s="93"/>
      <c r="P304" s="22"/>
      <c r="Q304" s="22"/>
      <c r="R304" s="22"/>
    </row>
    <row r="305" spans="1:18" s="81" customFormat="1" ht="34.5" customHeight="1" x14ac:dyDescent="0.15">
      <c r="A305" s="198" t="s">
        <v>278</v>
      </c>
      <c r="B305" s="107"/>
      <c r="C305" s="162"/>
      <c r="D305" s="163"/>
      <c r="E305" s="317" t="s">
        <v>279</v>
      </c>
      <c r="F305" s="318"/>
      <c r="G305" s="318"/>
      <c r="H305" s="319"/>
      <c r="I305" s="308"/>
      <c r="J305" s="209">
        <v>0</v>
      </c>
      <c r="K305" s="118" t="str">
        <f>IF(OR(COUNTIF(J305,"未確認")&gt;0,COUNTIF(J305,"*")&gt;0),"※","")</f>
        <v/>
      </c>
      <c r="L305" s="93"/>
      <c r="M305" s="93"/>
      <c r="N305" s="93"/>
      <c r="O305" s="93"/>
      <c r="P305" s="22"/>
      <c r="Q305" s="22"/>
      <c r="R305" s="22"/>
    </row>
    <row r="306" spans="1:18" s="81" customFormat="1" ht="34.5" customHeight="1" x14ac:dyDescent="0.15">
      <c r="A306" s="198" t="s">
        <v>280</v>
      </c>
      <c r="B306" s="107"/>
      <c r="C306" s="162"/>
      <c r="D306" s="163"/>
      <c r="E306" s="317" t="s">
        <v>281</v>
      </c>
      <c r="F306" s="318"/>
      <c r="G306" s="318"/>
      <c r="H306" s="319"/>
      <c r="I306" s="308"/>
      <c r="J306" s="209">
        <v>0</v>
      </c>
      <c r="K306" s="118" t="str">
        <f>IF(OR(COUNTIF(J306,"未確認")&gt;0,COUNTIF(J306,"*")&gt;0),"※","")</f>
        <v/>
      </c>
      <c r="L306" s="93"/>
      <c r="M306" s="93"/>
      <c r="N306" s="93"/>
      <c r="O306" s="93"/>
      <c r="P306" s="22"/>
      <c r="Q306" s="22"/>
      <c r="R306" s="22"/>
    </row>
    <row r="307" spans="1:18" s="81" customFormat="1" ht="34.5" customHeight="1" x14ac:dyDescent="0.15">
      <c r="A307" s="198" t="s">
        <v>282</v>
      </c>
      <c r="B307" s="107"/>
      <c r="C307" s="162"/>
      <c r="D307" s="163"/>
      <c r="E307" s="317" t="s">
        <v>283</v>
      </c>
      <c r="F307" s="318"/>
      <c r="G307" s="318"/>
      <c r="H307" s="319"/>
      <c r="I307" s="308"/>
      <c r="J307" s="209">
        <v>0</v>
      </c>
      <c r="K307" s="118" t="str">
        <f>IF(OR(COUNTIF(J307,"未確認")&gt;0,COUNTIF(J307,"*")&gt;0),"※","")</f>
        <v/>
      </c>
      <c r="L307" s="93"/>
      <c r="M307" s="93"/>
      <c r="N307" s="93"/>
      <c r="O307" s="93"/>
      <c r="P307" s="22"/>
      <c r="Q307" s="22"/>
      <c r="R307" s="22"/>
    </row>
    <row r="308" spans="1:18" s="81" customFormat="1" ht="34.5" customHeight="1" x14ac:dyDescent="0.15">
      <c r="A308" s="196" t="s">
        <v>284</v>
      </c>
      <c r="B308" s="1"/>
      <c r="C308" s="164"/>
      <c r="D308" s="165"/>
      <c r="E308" s="317" t="s">
        <v>285</v>
      </c>
      <c r="F308" s="318"/>
      <c r="G308" s="318"/>
      <c r="H308" s="319"/>
      <c r="I308" s="309"/>
      <c r="J308" s="209">
        <v>0</v>
      </c>
      <c r="K308" s="118" t="str">
        <f>IF(OR(COUNTIF(J308,"未確認")&gt;0,COUNTIF(J308,"*")&gt;0),"※","")</f>
        <v/>
      </c>
      <c r="L308" s="93"/>
      <c r="M308" s="93"/>
      <c r="N308" s="93"/>
      <c r="O308" s="93"/>
      <c r="P308" s="22"/>
      <c r="Q308" s="22"/>
      <c r="R308" s="22"/>
    </row>
    <row r="309" spans="1:18" s="84" customFormat="1" x14ac:dyDescent="0.15">
      <c r="A309" s="176"/>
      <c r="B309" s="19"/>
      <c r="C309" s="19"/>
      <c r="D309" s="19"/>
      <c r="E309" s="19"/>
      <c r="F309" s="19"/>
      <c r="G309" s="19"/>
      <c r="H309" s="15"/>
      <c r="I309" s="15"/>
      <c r="J309" s="82"/>
      <c r="K309" s="83"/>
      <c r="L309" s="93"/>
      <c r="M309" s="93"/>
      <c r="N309" s="93"/>
      <c r="O309" s="93"/>
      <c r="P309" s="22"/>
      <c r="Q309" s="22"/>
      <c r="R309" s="22"/>
    </row>
    <row r="310" spans="1:18" s="81" customFormat="1" x14ac:dyDescent="0.15">
      <c r="A310" s="176"/>
      <c r="B310" s="88"/>
      <c r="C310" s="66"/>
      <c r="D310" s="66"/>
      <c r="E310" s="66"/>
      <c r="F310" s="66"/>
      <c r="G310" s="66"/>
      <c r="H310" s="91"/>
      <c r="I310" s="91"/>
      <c r="J310" s="82"/>
      <c r="K310" s="83"/>
      <c r="L310" s="93"/>
      <c r="M310" s="93"/>
      <c r="N310" s="93"/>
      <c r="O310" s="93"/>
      <c r="P310" s="22"/>
      <c r="Q310" s="22"/>
      <c r="R310" s="22"/>
    </row>
    <row r="311" spans="1:18" s="84" customFormat="1" x14ac:dyDescent="0.15">
      <c r="A311" s="176"/>
      <c r="B311" s="1"/>
      <c r="C311" s="3"/>
      <c r="D311" s="3"/>
      <c r="F311" s="3"/>
      <c r="G311" s="3"/>
      <c r="H311" s="242"/>
      <c r="I311" s="242"/>
      <c r="J311" s="86"/>
      <c r="K311" s="69"/>
      <c r="L311" s="93"/>
      <c r="M311" s="93"/>
      <c r="N311" s="93"/>
      <c r="O311" s="93"/>
      <c r="P311" s="22"/>
      <c r="Q311" s="22"/>
      <c r="R311" s="22"/>
    </row>
    <row r="312" spans="1:18" s="3" customFormat="1" x14ac:dyDescent="0.15">
      <c r="A312" s="176"/>
      <c r="B312" s="19" t="s">
        <v>286</v>
      </c>
      <c r="C312" s="101"/>
      <c r="D312" s="101"/>
      <c r="E312" s="101"/>
      <c r="F312" s="101"/>
      <c r="G312" s="101"/>
      <c r="H312" s="15"/>
      <c r="I312" s="15"/>
      <c r="J312" s="86"/>
      <c r="K312" s="69"/>
      <c r="L312" s="93"/>
      <c r="M312" s="93"/>
      <c r="N312" s="93"/>
      <c r="O312" s="93"/>
      <c r="P312" s="22"/>
      <c r="Q312" s="22"/>
      <c r="R312" s="22"/>
    </row>
    <row r="313" spans="1:18" x14ac:dyDescent="0.15">
      <c r="A313" s="176"/>
      <c r="B313" s="19"/>
      <c r="C313" s="19"/>
      <c r="D313" s="19"/>
      <c r="E313" s="19"/>
      <c r="F313" s="19"/>
      <c r="G313" s="19"/>
      <c r="H313" s="15"/>
      <c r="I313" s="15"/>
      <c r="L313" s="93"/>
      <c r="M313" s="93"/>
      <c r="N313" s="93"/>
      <c r="O313" s="93"/>
      <c r="P313" s="22"/>
      <c r="Q313" s="22"/>
      <c r="R313" s="22"/>
    </row>
    <row r="314" spans="1:18" s="84" customFormat="1" x14ac:dyDescent="0.15">
      <c r="A314" s="176"/>
      <c r="B314" s="19"/>
      <c r="C314" s="3"/>
      <c r="D314" s="3"/>
      <c r="E314" s="3"/>
      <c r="F314" s="3"/>
      <c r="G314" s="3"/>
      <c r="H314" s="242"/>
      <c r="I314" s="242"/>
      <c r="J314" s="71" t="s">
        <v>4</v>
      </c>
      <c r="K314" s="72"/>
      <c r="L314" s="93"/>
      <c r="M314" s="93"/>
      <c r="N314" s="93"/>
      <c r="O314" s="93"/>
      <c r="P314" s="22"/>
      <c r="Q314" s="22"/>
      <c r="R314" s="22"/>
    </row>
    <row r="315" spans="1:18" s="84" customFormat="1" x14ac:dyDescent="0.15">
      <c r="A315" s="176"/>
      <c r="B315" s="1"/>
      <c r="C315" s="3"/>
      <c r="D315" s="3"/>
      <c r="E315" s="3"/>
      <c r="F315" s="3"/>
      <c r="G315" s="3"/>
      <c r="H315" s="242"/>
      <c r="I315" s="74" t="s">
        <v>67</v>
      </c>
      <c r="J315" s="75"/>
      <c r="K315" s="76"/>
      <c r="L315" s="93"/>
      <c r="M315" s="93"/>
      <c r="N315" s="93"/>
      <c r="O315" s="93"/>
      <c r="P315" s="22"/>
      <c r="Q315" s="22"/>
      <c r="R315" s="22"/>
    </row>
    <row r="316" spans="1:18" s="84" customFormat="1" ht="34.5" customHeight="1" x14ac:dyDescent="0.15">
      <c r="A316" s="196" t="s">
        <v>287</v>
      </c>
      <c r="B316" s="1"/>
      <c r="C316" s="300" t="s">
        <v>288</v>
      </c>
      <c r="D316" s="300"/>
      <c r="E316" s="300"/>
      <c r="F316" s="300"/>
      <c r="G316" s="300"/>
      <c r="H316" s="300"/>
      <c r="I316" s="292" t="s">
        <v>289</v>
      </c>
      <c r="J316" s="209">
        <v>0</v>
      </c>
      <c r="K316" s="118" t="str">
        <f>IF(OR(COUNTIF(J316,"未確認")&gt;0,COUNTIF(J316,"*")&gt;0),"※","")</f>
        <v/>
      </c>
      <c r="L316" s="86"/>
      <c r="M316" s="220"/>
      <c r="N316" s="93"/>
      <c r="O316" s="93"/>
      <c r="P316" s="22"/>
      <c r="Q316" s="22"/>
      <c r="R316" s="22"/>
    </row>
    <row r="317" spans="1:18" s="84" customFormat="1" ht="34.5" customHeight="1" x14ac:dyDescent="0.15">
      <c r="A317" s="196" t="s">
        <v>290</v>
      </c>
      <c r="B317" s="1"/>
      <c r="C317" s="300" t="s">
        <v>291</v>
      </c>
      <c r="D317" s="272"/>
      <c r="E317" s="272"/>
      <c r="F317" s="272"/>
      <c r="G317" s="272"/>
      <c r="H317" s="272"/>
      <c r="I317" s="253"/>
      <c r="J317" s="209">
        <v>0</v>
      </c>
      <c r="K317" s="118" t="str">
        <f>IF(OR(COUNTIF(J317,"未確認")&gt;0,COUNTIF(J317,"*")&gt;0),"※","")</f>
        <v/>
      </c>
      <c r="L317" s="86"/>
      <c r="M317" s="220"/>
      <c r="N317" s="93"/>
      <c r="O317" s="93"/>
      <c r="P317" s="22"/>
      <c r="Q317" s="22"/>
      <c r="R317" s="22"/>
    </row>
    <row r="318" spans="1:18" s="84" customFormat="1" x14ac:dyDescent="0.15">
      <c r="A318" s="176"/>
      <c r="B318" s="19"/>
      <c r="C318" s="19"/>
      <c r="D318" s="19"/>
      <c r="E318" s="19"/>
      <c r="F318" s="19"/>
      <c r="G318" s="19"/>
      <c r="H318" s="15"/>
      <c r="I318" s="15"/>
      <c r="J318" s="82"/>
      <c r="K318" s="83"/>
      <c r="L318" s="93"/>
      <c r="M318" s="93"/>
      <c r="N318" s="93"/>
      <c r="O318" s="93"/>
      <c r="P318" s="22"/>
      <c r="Q318" s="22"/>
      <c r="R318" s="22"/>
    </row>
    <row r="319" spans="1:18" s="81" customFormat="1" x14ac:dyDescent="0.15">
      <c r="A319" s="176"/>
      <c r="B319" s="88"/>
      <c r="C319" s="66"/>
      <c r="D319" s="66"/>
      <c r="E319" s="66"/>
      <c r="F319" s="66"/>
      <c r="G319" s="66"/>
      <c r="H319" s="91"/>
      <c r="I319" s="91"/>
      <c r="J319" s="82"/>
      <c r="K319" s="83"/>
      <c r="L319" s="93"/>
      <c r="M319" s="93"/>
      <c r="N319" s="93"/>
      <c r="O319" s="93"/>
      <c r="P319" s="22"/>
      <c r="Q319" s="22"/>
      <c r="R319" s="22"/>
    </row>
    <row r="320" spans="1:18" s="84" customFormat="1" x14ac:dyDescent="0.15">
      <c r="A320" s="176"/>
      <c r="B320" s="1"/>
      <c r="C320" s="166"/>
      <c r="D320" s="3"/>
      <c r="E320" s="3"/>
      <c r="F320" s="3"/>
      <c r="G320" s="3"/>
      <c r="H320" s="167"/>
      <c r="I320" s="167"/>
      <c r="J320" s="86"/>
      <c r="K320" s="69"/>
      <c r="L320" s="93"/>
      <c r="M320" s="93"/>
      <c r="N320" s="93"/>
      <c r="O320" s="93"/>
      <c r="P320" s="22"/>
      <c r="Q320" s="22"/>
      <c r="R320" s="22"/>
    </row>
    <row r="321" spans="1:72" s="3" customFormat="1" x14ac:dyDescent="0.15">
      <c r="A321" s="176"/>
      <c r="B321" s="19" t="s">
        <v>292</v>
      </c>
      <c r="C321" s="101"/>
      <c r="D321" s="101"/>
      <c r="E321" s="101"/>
      <c r="F321" s="101"/>
      <c r="G321" s="101"/>
      <c r="H321" s="15"/>
      <c r="I321" s="15"/>
      <c r="J321" s="86"/>
      <c r="K321" s="69"/>
      <c r="L321" s="93"/>
      <c r="M321" s="93"/>
      <c r="N321" s="93"/>
      <c r="O321" s="93"/>
      <c r="P321" s="22"/>
      <c r="Q321" s="22"/>
      <c r="R321" s="22"/>
    </row>
    <row r="322" spans="1:72" x14ac:dyDescent="0.15">
      <c r="A322" s="176"/>
      <c r="B322" s="19"/>
      <c r="C322" s="19"/>
      <c r="D322" s="19"/>
      <c r="E322" s="19"/>
      <c r="F322" s="19"/>
      <c r="G322" s="19"/>
      <c r="H322" s="15"/>
      <c r="I322" s="15"/>
      <c r="L322" s="93"/>
      <c r="M322" s="93"/>
      <c r="N322" s="93"/>
      <c r="O322" s="93"/>
      <c r="P322" s="22"/>
      <c r="Q322" s="22"/>
      <c r="R322" s="22"/>
    </row>
    <row r="323" spans="1:72" x14ac:dyDescent="0.15">
      <c r="A323" s="176"/>
      <c r="B323" s="19"/>
      <c r="C323" s="3"/>
      <c r="D323" s="3"/>
      <c r="F323" s="3"/>
      <c r="G323" s="3"/>
      <c r="H323" s="242"/>
      <c r="I323" s="242"/>
      <c r="J323" s="71" t="s">
        <v>4</v>
      </c>
      <c r="K323" s="72"/>
      <c r="L323" s="93"/>
      <c r="M323" s="93"/>
      <c r="N323" s="93"/>
      <c r="O323" s="93"/>
      <c r="P323" s="22"/>
      <c r="Q323" s="22"/>
      <c r="R323" s="22"/>
    </row>
    <row r="324" spans="1:72" x14ac:dyDescent="0.15">
      <c r="A324" s="176"/>
      <c r="B324" s="1"/>
      <c r="C324" s="3"/>
      <c r="D324" s="3"/>
      <c r="F324" s="3"/>
      <c r="G324" s="3"/>
      <c r="H324" s="242"/>
      <c r="I324" s="74" t="s">
        <v>67</v>
      </c>
      <c r="J324" s="75"/>
      <c r="K324" s="76"/>
      <c r="L324" s="93"/>
      <c r="M324" s="93"/>
      <c r="N324" s="93"/>
      <c r="O324" s="93"/>
      <c r="P324" s="22"/>
      <c r="Q324" s="22"/>
      <c r="R324" s="22"/>
    </row>
    <row r="325" spans="1:72" s="81" customFormat="1" ht="34.5" customHeight="1" x14ac:dyDescent="0.15">
      <c r="A325" s="196" t="s">
        <v>293</v>
      </c>
      <c r="B325" s="107"/>
      <c r="C325" s="301" t="s">
        <v>294</v>
      </c>
      <c r="D325" s="277"/>
      <c r="E325" s="277"/>
      <c r="F325" s="277"/>
      <c r="G325" s="277"/>
      <c r="H325" s="278"/>
      <c r="I325" s="292" t="s">
        <v>295</v>
      </c>
      <c r="J325" s="209">
        <v>0</v>
      </c>
      <c r="K325" s="118" t="str">
        <f t="shared" ref="K325:K330" si="3">IF(OR(COUNTIF(J325,"未確認")&gt;0,COUNTIF(J325,"*")&gt;0),"※","")</f>
        <v/>
      </c>
      <c r="L325" s="93"/>
      <c r="M325" s="93"/>
      <c r="N325" s="93"/>
      <c r="O325" s="93"/>
      <c r="P325" s="22"/>
      <c r="Q325" s="22"/>
      <c r="R325" s="22"/>
    </row>
    <row r="326" spans="1:72" s="81" customFormat="1" ht="34.5" customHeight="1" x14ac:dyDescent="0.15">
      <c r="A326" s="196" t="s">
        <v>296</v>
      </c>
      <c r="B326" s="107"/>
      <c r="C326" s="162"/>
      <c r="D326" s="168"/>
      <c r="E326" s="259" t="s">
        <v>297</v>
      </c>
      <c r="F326" s="260"/>
      <c r="G326" s="260"/>
      <c r="H326" s="261"/>
      <c r="I326" s="302"/>
      <c r="J326" s="209">
        <v>0</v>
      </c>
      <c r="K326" s="118" t="str">
        <f t="shared" si="3"/>
        <v/>
      </c>
      <c r="L326" s="93"/>
      <c r="M326" s="219"/>
      <c r="N326" s="93"/>
      <c r="O326" s="93"/>
      <c r="P326" s="22"/>
      <c r="Q326" s="22"/>
      <c r="R326" s="22"/>
    </row>
    <row r="327" spans="1:72" s="81" customFormat="1" ht="34.5" customHeight="1" x14ac:dyDescent="0.15">
      <c r="A327" s="196" t="s">
        <v>298</v>
      </c>
      <c r="B327" s="107"/>
      <c r="C327" s="164"/>
      <c r="D327" s="169"/>
      <c r="E327" s="259" t="s">
        <v>299</v>
      </c>
      <c r="F327" s="266"/>
      <c r="G327" s="266"/>
      <c r="H327" s="267"/>
      <c r="I327" s="302"/>
      <c r="J327" s="209">
        <v>0</v>
      </c>
      <c r="K327" s="118" t="str">
        <f t="shared" si="3"/>
        <v/>
      </c>
      <c r="L327" s="93"/>
      <c r="M327" s="93"/>
      <c r="N327" s="93"/>
      <c r="O327" s="93"/>
      <c r="P327" s="22"/>
      <c r="Q327" s="22"/>
      <c r="R327" s="22"/>
    </row>
    <row r="328" spans="1:72" s="81" customFormat="1" ht="34.5" customHeight="1" x14ac:dyDescent="0.15">
      <c r="A328" s="196" t="s">
        <v>300</v>
      </c>
      <c r="B328" s="107"/>
      <c r="C328" s="303" t="s">
        <v>301</v>
      </c>
      <c r="D328" s="304"/>
      <c r="E328" s="304"/>
      <c r="F328" s="304"/>
      <c r="G328" s="304"/>
      <c r="H328" s="305"/>
      <c r="I328" s="302"/>
      <c r="J328" s="216">
        <v>0</v>
      </c>
      <c r="K328" s="118" t="str">
        <f t="shared" si="3"/>
        <v/>
      </c>
      <c r="L328" s="93"/>
      <c r="M328" s="93"/>
      <c r="N328" s="93"/>
      <c r="O328" s="93"/>
      <c r="P328" s="22"/>
      <c r="Q328" s="22"/>
      <c r="R328" s="22"/>
    </row>
    <row r="329" spans="1:72" s="81" customFormat="1" ht="34.5" customHeight="1" x14ac:dyDescent="0.15">
      <c r="A329" s="196" t="s">
        <v>302</v>
      </c>
      <c r="B329" s="107"/>
      <c r="C329" s="162"/>
      <c r="D329" s="168"/>
      <c r="E329" s="259" t="s">
        <v>303</v>
      </c>
      <c r="F329" s="260"/>
      <c r="G329" s="260"/>
      <c r="H329" s="261"/>
      <c r="I329" s="302"/>
      <c r="J329" s="209">
        <v>0</v>
      </c>
      <c r="K329" s="118" t="str">
        <f t="shared" si="3"/>
        <v/>
      </c>
      <c r="L329" s="93"/>
      <c r="M329" s="93"/>
      <c r="N329" s="93"/>
      <c r="O329" s="93"/>
      <c r="P329" s="22"/>
      <c r="Q329" s="22"/>
      <c r="R329" s="22"/>
    </row>
    <row r="330" spans="1:72" s="81" customFormat="1" ht="34.5" customHeight="1" x14ac:dyDescent="0.15">
      <c r="A330" s="196" t="s">
        <v>304</v>
      </c>
      <c r="B330" s="107"/>
      <c r="C330" s="164"/>
      <c r="D330" s="169"/>
      <c r="E330" s="259" t="s">
        <v>305</v>
      </c>
      <c r="F330" s="266"/>
      <c r="G330" s="266"/>
      <c r="H330" s="267"/>
      <c r="I330" s="293"/>
      <c r="J330" s="209">
        <v>0</v>
      </c>
      <c r="K330" s="118" t="str">
        <f t="shared" si="3"/>
        <v/>
      </c>
      <c r="L330" s="93"/>
      <c r="M330" s="93"/>
      <c r="N330" s="93"/>
      <c r="O330" s="93"/>
      <c r="P330" s="22"/>
      <c r="Q330" s="22"/>
      <c r="R330" s="22"/>
    </row>
    <row r="331" spans="1:72" s="84" customFormat="1" ht="17.25" customHeight="1" x14ac:dyDescent="0.15">
      <c r="A331" s="176"/>
      <c r="B331" s="19"/>
      <c r="C331" s="19"/>
      <c r="D331" s="19"/>
      <c r="E331" s="19"/>
      <c r="F331" s="19"/>
      <c r="G331" s="19"/>
      <c r="H331" s="15"/>
      <c r="I331" s="15"/>
      <c r="J331" s="82"/>
      <c r="K331" s="83"/>
      <c r="L331" s="93"/>
      <c r="M331" s="93"/>
      <c r="N331" s="93"/>
      <c r="O331" s="93"/>
      <c r="P331" s="22"/>
      <c r="Q331" s="22"/>
      <c r="R331" s="22"/>
    </row>
    <row r="332" spans="1:72" s="81" customFormat="1" x14ac:dyDescent="0.15">
      <c r="A332" s="176"/>
      <c r="B332" s="107"/>
      <c r="C332" s="107"/>
      <c r="D332" s="66"/>
      <c r="E332" s="66"/>
      <c r="F332" s="66"/>
      <c r="G332" s="66"/>
      <c r="H332" s="91"/>
      <c r="I332" s="140"/>
      <c r="J332" s="82"/>
      <c r="K332" s="83"/>
      <c r="L332" s="83"/>
      <c r="M332" s="83"/>
      <c r="N332" s="83"/>
      <c r="O332" s="83"/>
      <c r="P332" s="83"/>
      <c r="Q332" s="83"/>
      <c r="R332" s="83"/>
      <c r="S332" s="83"/>
      <c r="T332" s="83"/>
      <c r="U332" s="83"/>
      <c r="V332" s="83"/>
      <c r="W332" s="83"/>
      <c r="X332" s="83"/>
      <c r="Y332" s="83"/>
      <c r="Z332" s="83"/>
      <c r="AA332" s="83"/>
      <c r="AB332" s="83"/>
      <c r="AC332" s="83"/>
      <c r="AD332" s="83"/>
      <c r="AE332" s="83"/>
      <c r="AF332" s="83"/>
      <c r="AG332" s="83"/>
      <c r="AH332" s="83"/>
      <c r="AI332" s="83"/>
      <c r="AJ332" s="83"/>
      <c r="AK332" s="83"/>
      <c r="AL332" s="83"/>
      <c r="AM332" s="83"/>
      <c r="AN332" s="83"/>
      <c r="AO332" s="83"/>
      <c r="AP332" s="83"/>
      <c r="AQ332" s="83"/>
      <c r="AR332" s="83"/>
      <c r="AS332" s="83"/>
      <c r="AT332" s="83"/>
      <c r="AU332" s="83"/>
      <c r="AV332" s="83"/>
      <c r="AW332" s="83"/>
      <c r="AX332" s="83"/>
      <c r="AY332" s="83"/>
    </row>
    <row r="333" spans="1:72" s="81" customFormat="1" x14ac:dyDescent="0.15">
      <c r="A333" s="176"/>
      <c r="B333" s="107"/>
      <c r="C333" s="107"/>
      <c r="D333" s="66"/>
      <c r="E333" s="66"/>
      <c r="F333" s="66"/>
      <c r="G333" s="66"/>
      <c r="H333" s="91"/>
      <c r="I333" s="140" t="s">
        <v>228</v>
      </c>
      <c r="J333" s="82"/>
      <c r="K333" s="83"/>
      <c r="L333" s="83"/>
      <c r="M333" s="83"/>
      <c r="N333" s="83"/>
      <c r="O333" s="83"/>
      <c r="P333" s="83"/>
      <c r="Q333" s="83"/>
      <c r="R333" s="83"/>
      <c r="S333" s="83"/>
      <c r="T333" s="83"/>
      <c r="U333" s="83"/>
      <c r="V333" s="83"/>
      <c r="W333" s="83"/>
      <c r="X333" s="83"/>
      <c r="Y333" s="83"/>
      <c r="Z333" s="83"/>
      <c r="AA333" s="83"/>
      <c r="AB333" s="83"/>
      <c r="AC333" s="83"/>
      <c r="AD333" s="83"/>
      <c r="AE333" s="83"/>
      <c r="AF333" s="83"/>
      <c r="AG333" s="83"/>
      <c r="AH333" s="83"/>
      <c r="AI333" s="83"/>
      <c r="AJ333" s="83"/>
      <c r="AK333" s="83"/>
      <c r="AL333" s="83"/>
      <c r="AM333" s="83"/>
      <c r="AN333" s="83"/>
      <c r="AO333" s="83"/>
      <c r="AP333" s="83"/>
      <c r="AQ333" s="83"/>
      <c r="AR333" s="83"/>
      <c r="AS333" s="83"/>
      <c r="AT333" s="83"/>
      <c r="AU333" s="83"/>
      <c r="AV333" s="83"/>
      <c r="AW333" s="83"/>
      <c r="AX333" s="83"/>
      <c r="AY333" s="83"/>
    </row>
    <row r="334" spans="1:72" s="81" customFormat="1" x14ac:dyDescent="0.15">
      <c r="A334" s="176"/>
      <c r="B334" s="107"/>
      <c r="C334" s="107"/>
      <c r="D334" s="66"/>
      <c r="E334" s="66"/>
      <c r="F334" s="66"/>
      <c r="G334" s="66"/>
      <c r="H334" s="91"/>
      <c r="I334" s="91"/>
      <c r="J334" s="82"/>
      <c r="K334" s="83"/>
      <c r="L334" s="83"/>
      <c r="M334" s="83"/>
      <c r="N334" s="83"/>
      <c r="O334" s="83"/>
      <c r="P334" s="83"/>
      <c r="Q334" s="83"/>
      <c r="R334" s="83"/>
      <c r="S334" s="83"/>
      <c r="T334" s="83"/>
      <c r="U334" s="83"/>
      <c r="V334" s="83"/>
      <c r="W334" s="83"/>
      <c r="X334" s="83"/>
      <c r="Y334" s="83"/>
      <c r="Z334" s="83"/>
      <c r="AA334" s="83"/>
      <c r="AB334" s="83"/>
      <c r="AC334" s="83"/>
      <c r="AD334" s="83"/>
      <c r="AE334" s="83"/>
      <c r="AF334" s="83"/>
      <c r="AG334" s="83"/>
      <c r="AH334" s="83"/>
      <c r="AI334" s="83"/>
      <c r="AJ334" s="83"/>
      <c r="AK334" s="83"/>
      <c r="AL334" s="83"/>
      <c r="AM334" s="83"/>
      <c r="AN334" s="83"/>
      <c r="AO334" s="83"/>
      <c r="AP334" s="83"/>
      <c r="AQ334" s="83"/>
      <c r="AR334" s="83"/>
      <c r="AS334" s="83"/>
      <c r="AT334" s="83"/>
      <c r="AU334" s="83"/>
      <c r="AV334" s="83"/>
      <c r="AW334" s="83"/>
      <c r="AX334" s="83"/>
      <c r="AY334" s="83"/>
      <c r="AZ334" s="83"/>
      <c r="BA334" s="83"/>
      <c r="BB334" s="83"/>
      <c r="BC334" s="83"/>
      <c r="BD334" s="83"/>
      <c r="BE334" s="83"/>
      <c r="BF334" s="83"/>
      <c r="BG334" s="83"/>
      <c r="BH334" s="83"/>
      <c r="BI334" s="83"/>
      <c r="BJ334" s="83"/>
      <c r="BK334" s="83"/>
      <c r="BL334" s="83"/>
      <c r="BM334" s="83"/>
      <c r="BN334" s="83"/>
      <c r="BO334" s="83"/>
      <c r="BP334" s="83"/>
      <c r="BQ334" s="83"/>
      <c r="BR334" s="83"/>
      <c r="BS334" s="83"/>
    </row>
    <row r="335" spans="1:72" s="22" customFormat="1" x14ac:dyDescent="0.15">
      <c r="A335" s="176"/>
      <c r="B335" s="1"/>
      <c r="C335" s="56"/>
      <c r="D335" s="44"/>
      <c r="E335" s="44"/>
      <c r="F335" s="44"/>
      <c r="G335" s="44"/>
      <c r="H335" s="21"/>
      <c r="I335" s="233"/>
      <c r="J335" s="5"/>
      <c r="K335" s="6"/>
      <c r="L335" s="306"/>
      <c r="M335" s="306"/>
      <c r="N335" s="306"/>
      <c r="O335" s="306"/>
      <c r="P335" s="306"/>
      <c r="R335" s="54"/>
      <c r="S335" s="54"/>
      <c r="T335" s="54"/>
      <c r="U335" s="54"/>
      <c r="W335" s="54"/>
      <c r="X335" s="54"/>
      <c r="Y335" s="54"/>
      <c r="Z335" s="54"/>
      <c r="AB335" s="54"/>
      <c r="AC335" s="54"/>
      <c r="AD335" s="54"/>
      <c r="AE335" s="54"/>
      <c r="AG335" s="54"/>
      <c r="AH335" s="54"/>
      <c r="AI335" s="54"/>
      <c r="AJ335" s="54"/>
      <c r="AL335" s="54"/>
      <c r="AM335" s="54"/>
      <c r="AN335" s="54"/>
      <c r="AO335" s="54"/>
      <c r="AQ335" s="54"/>
      <c r="AR335" s="54"/>
      <c r="AS335" s="54"/>
      <c r="AT335" s="54"/>
      <c r="AV335" s="54"/>
      <c r="AW335" s="54"/>
      <c r="AX335" s="54"/>
      <c r="AY335" s="54"/>
      <c r="AZ335" s="54"/>
      <c r="BA335" s="54"/>
      <c r="BB335" s="54"/>
      <c r="BC335" s="54"/>
      <c r="BD335" s="54"/>
      <c r="BE335" s="54"/>
      <c r="BF335" s="54"/>
      <c r="BG335" s="54"/>
      <c r="BH335" s="54"/>
      <c r="BI335" s="54"/>
      <c r="BJ335" s="54"/>
      <c r="BK335" s="54"/>
      <c r="BL335" s="54"/>
      <c r="BM335" s="54"/>
      <c r="BN335" s="54"/>
      <c r="BO335" s="54"/>
      <c r="BP335" s="54"/>
      <c r="BQ335" s="54"/>
      <c r="BR335" s="54"/>
      <c r="BS335" s="54"/>
      <c r="BT335" s="9"/>
    </row>
    <row r="336" spans="1:72" s="22" customFormat="1" x14ac:dyDescent="0.15">
      <c r="A336" s="176"/>
      <c r="B336" s="1"/>
      <c r="C336" s="56"/>
      <c r="D336" s="44"/>
      <c r="E336" s="44"/>
      <c r="F336" s="44"/>
      <c r="G336" s="44"/>
      <c r="H336" s="21"/>
      <c r="I336" s="233"/>
      <c r="J336" s="5"/>
      <c r="K336" s="6"/>
      <c r="L336" s="306"/>
      <c r="M336" s="306"/>
      <c r="N336" s="306"/>
      <c r="O336" s="306"/>
      <c r="P336" s="306"/>
      <c r="R336" s="54"/>
      <c r="S336" s="54"/>
      <c r="T336" s="54"/>
      <c r="U336" s="54"/>
      <c r="W336" s="54"/>
      <c r="X336" s="54"/>
      <c r="Y336" s="54"/>
      <c r="Z336" s="54"/>
      <c r="AB336" s="54"/>
      <c r="AC336" s="54"/>
      <c r="AD336" s="54"/>
      <c r="AE336" s="54"/>
      <c r="AG336" s="54"/>
      <c r="AH336" s="54"/>
      <c r="AI336" s="54"/>
      <c r="AJ336" s="54"/>
      <c r="AL336" s="54"/>
      <c r="AM336" s="54"/>
      <c r="AN336" s="54"/>
      <c r="AO336" s="54"/>
      <c r="AQ336" s="54"/>
      <c r="AR336" s="54"/>
      <c r="AS336" s="54"/>
      <c r="AT336" s="54"/>
      <c r="AV336" s="54"/>
      <c r="AW336" s="54"/>
      <c r="AX336" s="54"/>
      <c r="AY336" s="54"/>
      <c r="AZ336" s="54"/>
      <c r="BA336" s="54"/>
      <c r="BB336" s="54"/>
      <c r="BC336" s="54"/>
      <c r="BD336" s="54"/>
      <c r="BE336" s="54"/>
      <c r="BF336" s="54"/>
      <c r="BG336" s="54"/>
      <c r="BH336" s="54"/>
      <c r="BI336" s="54"/>
      <c r="BJ336" s="54"/>
      <c r="BK336" s="54"/>
      <c r="BL336" s="54"/>
      <c r="BM336" s="54"/>
      <c r="BN336" s="54"/>
      <c r="BO336" s="54"/>
      <c r="BP336" s="54"/>
      <c r="BQ336" s="54"/>
      <c r="BR336" s="54"/>
      <c r="BS336" s="54"/>
      <c r="BT336" s="9"/>
    </row>
    <row r="337" spans="1:72" s="22" customFormat="1" x14ac:dyDescent="0.15">
      <c r="A337" s="176"/>
      <c r="B337" s="1"/>
      <c r="L337" s="306"/>
      <c r="M337" s="306"/>
      <c r="N337" s="306"/>
      <c r="O337" s="306"/>
      <c r="P337" s="306"/>
      <c r="R337" s="38"/>
      <c r="S337" s="38"/>
      <c r="T337" s="38"/>
      <c r="U337" s="38"/>
      <c r="W337" s="38"/>
      <c r="X337" s="38"/>
      <c r="Y337" s="38"/>
      <c r="Z337" s="38"/>
      <c r="AB337" s="38"/>
      <c r="AC337" s="38"/>
      <c r="AD337" s="38"/>
      <c r="AE337" s="38"/>
      <c r="AG337" s="38"/>
      <c r="AH337" s="38"/>
      <c r="AI337" s="38"/>
      <c r="AJ337" s="38"/>
      <c r="AL337" s="38"/>
      <c r="AM337" s="38"/>
      <c r="AN337" s="38"/>
      <c r="AO337" s="38"/>
      <c r="AQ337" s="38"/>
      <c r="AR337" s="38"/>
      <c r="AS337" s="38"/>
      <c r="AT337" s="38"/>
      <c r="AV337" s="38"/>
      <c r="AW337" s="38"/>
      <c r="AX337" s="38"/>
      <c r="AY337" s="38"/>
      <c r="AZ337" s="38"/>
      <c r="BA337" s="38"/>
      <c r="BB337" s="38"/>
      <c r="BC337" s="38"/>
      <c r="BD337" s="38"/>
      <c r="BE337" s="38"/>
      <c r="BF337" s="38"/>
      <c r="BG337" s="38"/>
      <c r="BH337" s="38"/>
      <c r="BI337" s="38"/>
      <c r="BJ337" s="38"/>
      <c r="BK337" s="38"/>
      <c r="BL337" s="38"/>
      <c r="BM337" s="38"/>
      <c r="BN337" s="38"/>
      <c r="BO337" s="38"/>
      <c r="BP337" s="38"/>
      <c r="BQ337" s="38"/>
      <c r="BR337" s="38"/>
      <c r="BS337" s="38"/>
      <c r="BT337" s="9"/>
    </row>
    <row r="338" spans="1:72" s="22" customFormat="1" x14ac:dyDescent="0.15">
      <c r="A338" s="176"/>
      <c r="B338" s="1"/>
      <c r="L338" s="306"/>
      <c r="M338" s="306"/>
      <c r="N338" s="306"/>
      <c r="O338" s="306"/>
      <c r="P338" s="306"/>
      <c r="R338" s="54"/>
      <c r="S338" s="54"/>
      <c r="T338" s="54"/>
      <c r="U338" s="54"/>
      <c r="W338" s="54"/>
      <c r="X338" s="54"/>
      <c r="Y338" s="54"/>
      <c r="Z338" s="54"/>
      <c r="AB338" s="54"/>
      <c r="AC338" s="54"/>
      <c r="AD338" s="54"/>
      <c r="AE338" s="54"/>
      <c r="AG338" s="54"/>
      <c r="AH338" s="54"/>
      <c r="AI338" s="54"/>
      <c r="AJ338" s="54"/>
      <c r="AL338" s="54"/>
      <c r="AM338" s="54"/>
      <c r="AN338" s="54"/>
      <c r="AO338" s="54"/>
      <c r="AQ338" s="54"/>
      <c r="AR338" s="54"/>
      <c r="AS338" s="54"/>
      <c r="AT338" s="54"/>
      <c r="AV338" s="54"/>
      <c r="AW338" s="54"/>
      <c r="AX338" s="54"/>
      <c r="AY338" s="54"/>
      <c r="AZ338" s="54"/>
      <c r="BA338" s="54"/>
      <c r="BB338" s="54"/>
      <c r="BC338" s="54"/>
      <c r="BD338" s="54"/>
      <c r="BE338" s="54"/>
      <c r="BF338" s="54"/>
      <c r="BG338" s="54"/>
      <c r="BH338" s="54"/>
      <c r="BI338" s="54"/>
      <c r="BJ338" s="54"/>
      <c r="BK338" s="54"/>
      <c r="BL338" s="54"/>
      <c r="BM338" s="54"/>
      <c r="BN338" s="54"/>
      <c r="BO338" s="54"/>
      <c r="BP338" s="54"/>
      <c r="BQ338" s="54"/>
      <c r="BR338" s="54"/>
      <c r="BS338" s="54"/>
      <c r="BT338" s="9"/>
    </row>
    <row r="339" spans="1:72" s="22" customFormat="1" x14ac:dyDescent="0.15">
      <c r="A339" s="176"/>
      <c r="B339" s="1"/>
      <c r="L339" s="306"/>
      <c r="M339" s="306"/>
      <c r="N339" s="306"/>
      <c r="O339" s="306"/>
      <c r="P339" s="306"/>
      <c r="R339" s="38"/>
      <c r="S339" s="38"/>
      <c r="T339" s="38"/>
      <c r="U339" s="38"/>
      <c r="W339" s="38"/>
      <c r="X339" s="38"/>
      <c r="Y339" s="38"/>
      <c r="Z339" s="38"/>
      <c r="AB339" s="38"/>
      <c r="AC339" s="38"/>
      <c r="AD339" s="38"/>
      <c r="AE339" s="38"/>
      <c r="AG339" s="38"/>
      <c r="AH339" s="38"/>
      <c r="AI339" s="38"/>
      <c r="AJ339" s="38"/>
      <c r="AL339" s="38"/>
      <c r="AM339" s="38"/>
      <c r="AN339" s="38"/>
      <c r="AO339" s="38"/>
      <c r="AQ339" s="38"/>
      <c r="AR339" s="38"/>
      <c r="AS339" s="38"/>
      <c r="AT339" s="38"/>
      <c r="AV339" s="38"/>
      <c r="AW339" s="38"/>
      <c r="AX339" s="38"/>
      <c r="AY339" s="38"/>
      <c r="AZ339" s="38"/>
      <c r="BA339" s="38"/>
      <c r="BB339" s="38"/>
      <c r="BC339" s="38"/>
      <c r="BD339" s="38"/>
      <c r="BE339" s="38"/>
      <c r="BF339" s="38"/>
      <c r="BG339" s="38"/>
      <c r="BH339" s="38"/>
      <c r="BI339" s="38"/>
      <c r="BJ339" s="38"/>
      <c r="BK339" s="38"/>
      <c r="BL339" s="38"/>
      <c r="BM339" s="38"/>
      <c r="BN339" s="38"/>
      <c r="BO339" s="38"/>
      <c r="BP339" s="38"/>
      <c r="BQ339" s="38"/>
      <c r="BR339" s="38"/>
      <c r="BS339" s="38"/>
      <c r="BT339" s="9"/>
    </row>
    <row r="340" spans="1:72" s="22" customFormat="1" x14ac:dyDescent="0.15">
      <c r="A340" s="176"/>
      <c r="B340" s="1"/>
      <c r="L340" s="306"/>
      <c r="M340" s="306"/>
      <c r="N340" s="306"/>
      <c r="O340" s="306"/>
      <c r="P340" s="306"/>
      <c r="R340" s="38"/>
      <c r="S340" s="38"/>
      <c r="T340" s="38"/>
      <c r="U340" s="38"/>
      <c r="W340" s="38"/>
      <c r="X340" s="38"/>
      <c r="Y340" s="38"/>
      <c r="Z340" s="38"/>
      <c r="AB340" s="38"/>
      <c r="AC340" s="38"/>
      <c r="AD340" s="38"/>
      <c r="AE340" s="38"/>
      <c r="AG340" s="38"/>
      <c r="AH340" s="38"/>
      <c r="AI340" s="38"/>
      <c r="AJ340" s="38"/>
      <c r="AL340" s="38"/>
      <c r="AM340" s="38"/>
      <c r="AN340" s="38"/>
      <c r="AO340" s="38"/>
      <c r="AQ340" s="38"/>
      <c r="AR340" s="38"/>
      <c r="AS340" s="38"/>
      <c r="AT340" s="38"/>
      <c r="AV340" s="38"/>
      <c r="AW340" s="38"/>
      <c r="AX340" s="38"/>
      <c r="AY340" s="38"/>
      <c r="AZ340" s="38"/>
      <c r="BA340" s="38"/>
      <c r="BB340" s="38"/>
      <c r="BC340" s="38"/>
      <c r="BD340" s="38"/>
      <c r="BE340" s="38"/>
      <c r="BF340" s="38"/>
      <c r="BG340" s="38"/>
      <c r="BH340" s="38"/>
      <c r="BI340" s="38"/>
      <c r="BJ340" s="38"/>
      <c r="BK340" s="38"/>
      <c r="BL340" s="38"/>
      <c r="BM340" s="38"/>
      <c r="BN340" s="38"/>
      <c r="BO340" s="38"/>
      <c r="BP340" s="38"/>
      <c r="BQ340" s="38"/>
      <c r="BR340" s="38"/>
      <c r="BS340" s="38"/>
      <c r="BT340" s="9"/>
    </row>
    <row r="341" spans="1:72" s="22" customFormat="1" x14ac:dyDescent="0.15">
      <c r="A341" s="176"/>
      <c r="B341" s="1"/>
      <c r="L341" s="5"/>
      <c r="M341" s="5"/>
      <c r="N341" s="8"/>
      <c r="O341" s="8"/>
      <c r="P341" s="8"/>
      <c r="Q341" s="8"/>
      <c r="R341" s="8"/>
      <c r="S341" s="8"/>
      <c r="T341" s="8"/>
      <c r="U341" s="8"/>
      <c r="V341" s="8"/>
      <c r="W341" s="8"/>
      <c r="X341" s="8"/>
      <c r="Y341" s="8"/>
      <c r="Z341" s="8"/>
      <c r="AA341" s="8"/>
      <c r="AB341" s="8"/>
      <c r="AC341" s="8"/>
      <c r="AD341" s="8"/>
      <c r="AE341" s="8"/>
      <c r="AF341" s="8"/>
      <c r="AG341" s="8"/>
      <c r="AH341" s="8"/>
      <c r="AI341" s="8"/>
      <c r="AJ341" s="8"/>
      <c r="AK341" s="8"/>
      <c r="AL341" s="8"/>
      <c r="AM341" s="8"/>
      <c r="AN341" s="8"/>
      <c r="AO341" s="8"/>
      <c r="AP341" s="8"/>
      <c r="AQ341" s="8"/>
      <c r="AR341" s="8"/>
      <c r="AS341" s="8"/>
      <c r="AT341" s="8"/>
      <c r="AU341" s="8"/>
      <c r="AV341" s="8"/>
      <c r="AW341" s="8"/>
      <c r="AX341" s="8"/>
      <c r="AY341" s="8"/>
      <c r="AZ341" s="8"/>
      <c r="BA341" s="8"/>
      <c r="BB341" s="8"/>
      <c r="BC341" s="8"/>
      <c r="BD341" s="8"/>
      <c r="BE341" s="8"/>
      <c r="BF341" s="8"/>
      <c r="BG341" s="8"/>
      <c r="BH341" s="8"/>
      <c r="BI341" s="8"/>
      <c r="BJ341" s="8"/>
      <c r="BK341" s="8"/>
      <c r="BL341" s="8"/>
      <c r="BM341" s="8"/>
      <c r="BN341" s="8"/>
      <c r="BO341" s="8"/>
      <c r="BP341" s="8"/>
      <c r="BQ341" s="8"/>
      <c r="BR341" s="8"/>
      <c r="BS341" s="8"/>
      <c r="BT341" s="9"/>
    </row>
    <row r="342" spans="1:72" s="22" customFormat="1" x14ac:dyDescent="0.15">
      <c r="A342" s="176"/>
      <c r="B342" s="1"/>
      <c r="C342" s="42"/>
      <c r="D342" s="42"/>
      <c r="E342" s="42"/>
      <c r="F342" s="42"/>
      <c r="G342" s="42"/>
      <c r="H342" s="42"/>
      <c r="I342" s="42"/>
      <c r="J342" s="42"/>
      <c r="K342" s="55"/>
      <c r="L342" s="42"/>
      <c r="M342" s="42"/>
      <c r="N342" s="42"/>
      <c r="O342" s="42"/>
      <c r="P342" s="42"/>
      <c r="Q342" s="42"/>
      <c r="R342" s="42"/>
      <c r="S342" s="42"/>
      <c r="T342" s="42"/>
      <c r="U342" s="42"/>
      <c r="V342" s="42"/>
      <c r="W342" s="42"/>
      <c r="X342" s="42"/>
      <c r="Y342" s="42"/>
      <c r="Z342" s="42"/>
      <c r="AA342" s="42"/>
      <c r="AB342" s="42"/>
      <c r="AC342" s="42"/>
      <c r="AD342" s="42"/>
      <c r="AE342" s="42"/>
      <c r="AF342" s="42"/>
      <c r="AG342" s="42"/>
      <c r="AH342" s="42"/>
      <c r="AI342" s="42"/>
      <c r="AJ342" s="42"/>
      <c r="AK342" s="42"/>
      <c r="AL342" s="42"/>
      <c r="AM342" s="42"/>
      <c r="AN342" s="42"/>
      <c r="AO342" s="42"/>
      <c r="AP342" s="42"/>
      <c r="AQ342" s="42"/>
      <c r="AR342" s="42"/>
      <c r="AS342" s="42"/>
      <c r="AT342" s="42"/>
      <c r="AU342" s="42"/>
      <c r="AV342" s="42"/>
      <c r="AW342" s="42"/>
      <c r="AX342" s="42"/>
      <c r="AY342" s="42"/>
      <c r="AZ342" s="42"/>
      <c r="BA342" s="42"/>
      <c r="BB342" s="42"/>
      <c r="BC342" s="42"/>
      <c r="BD342" s="42"/>
      <c r="BE342" s="42"/>
      <c r="BF342" s="42"/>
      <c r="BG342" s="42"/>
      <c r="BH342" s="42"/>
      <c r="BI342" s="42"/>
      <c r="BJ342" s="42"/>
      <c r="BK342" s="42"/>
      <c r="BL342" s="42"/>
      <c r="BM342" s="42"/>
      <c r="BN342" s="42"/>
      <c r="BO342" s="42"/>
      <c r="BP342" s="42"/>
      <c r="BQ342" s="42"/>
      <c r="BR342" s="42"/>
      <c r="BS342" s="42"/>
      <c r="BT342" s="9"/>
    </row>
    <row r="343" spans="1:72" s="22" customFormat="1" x14ac:dyDescent="0.15">
      <c r="A343" s="176"/>
      <c r="B343" s="1"/>
      <c r="C343" s="42"/>
      <c r="D343" s="42"/>
      <c r="E343" s="42"/>
      <c r="F343" s="42"/>
      <c r="G343" s="42"/>
      <c r="H343" s="42"/>
      <c r="I343" s="42"/>
      <c r="J343" s="42"/>
      <c r="K343" s="55"/>
      <c r="L343" s="42"/>
      <c r="M343" s="42"/>
      <c r="N343" s="42"/>
      <c r="O343" s="42"/>
      <c r="P343" s="42"/>
      <c r="Q343" s="42"/>
      <c r="R343" s="42"/>
      <c r="S343" s="42"/>
      <c r="T343" s="42"/>
      <c r="U343" s="42"/>
      <c r="V343" s="42"/>
      <c r="W343" s="42"/>
      <c r="X343" s="42"/>
      <c r="Y343" s="42"/>
      <c r="Z343" s="42"/>
      <c r="AA343" s="42"/>
      <c r="AB343" s="42"/>
      <c r="AC343" s="42"/>
      <c r="AD343" s="42"/>
      <c r="AE343" s="42"/>
      <c r="AF343" s="42"/>
      <c r="AG343" s="42"/>
      <c r="AH343" s="42"/>
      <c r="AI343" s="42"/>
      <c r="AJ343" s="42"/>
      <c r="AK343" s="42"/>
      <c r="AL343" s="42"/>
      <c r="AM343" s="42"/>
      <c r="AN343" s="42"/>
      <c r="AO343" s="42"/>
      <c r="AP343" s="42"/>
      <c r="AQ343" s="42"/>
      <c r="AR343" s="42"/>
      <c r="AS343" s="42"/>
      <c r="AT343" s="42"/>
      <c r="AU343" s="42"/>
      <c r="AV343" s="42"/>
      <c r="AW343" s="42"/>
      <c r="AX343" s="42"/>
      <c r="AY343" s="42"/>
      <c r="AZ343" s="42"/>
      <c r="BA343" s="42"/>
      <c r="BB343" s="42"/>
      <c r="BC343" s="42"/>
      <c r="BD343" s="42"/>
      <c r="BE343" s="42"/>
      <c r="BF343" s="42"/>
      <c r="BG343" s="42"/>
      <c r="BH343" s="42"/>
      <c r="BI343" s="42"/>
      <c r="BJ343" s="42"/>
      <c r="BK343" s="42"/>
      <c r="BL343" s="42"/>
      <c r="BM343" s="42"/>
      <c r="BN343" s="42"/>
      <c r="BO343" s="42"/>
      <c r="BP343" s="42"/>
      <c r="BQ343" s="42"/>
      <c r="BR343" s="42"/>
      <c r="BS343" s="42"/>
      <c r="BT343" s="9"/>
    </row>
    <row r="344" spans="1:72" s="84" customFormat="1" ht="19.5" x14ac:dyDescent="0.15">
      <c r="A344" s="176"/>
      <c r="B344" s="171" t="s">
        <v>306</v>
      </c>
      <c r="C344" s="172"/>
      <c r="D344" s="62"/>
      <c r="E344" s="62"/>
      <c r="F344" s="62"/>
      <c r="G344" s="62"/>
      <c r="H344" s="63"/>
      <c r="I344" s="63"/>
      <c r="J344" s="157"/>
      <c r="K344" s="64"/>
      <c r="L344" s="158"/>
      <c r="M344" s="158"/>
      <c r="N344" s="158"/>
      <c r="O344" s="158"/>
      <c r="P344" s="22"/>
      <c r="Q344" s="22"/>
      <c r="R344" s="22"/>
    </row>
    <row r="345" spans="1:72" s="84" customFormat="1" x14ac:dyDescent="0.15">
      <c r="A345" s="176"/>
      <c r="B345" s="19" t="s">
        <v>307</v>
      </c>
      <c r="C345" s="101"/>
      <c r="D345" s="101"/>
      <c r="E345" s="101"/>
      <c r="F345" s="101"/>
      <c r="G345" s="101"/>
      <c r="H345" s="15"/>
      <c r="I345" s="15"/>
      <c r="J345" s="86"/>
      <c r="K345" s="69"/>
      <c r="L345" s="93"/>
      <c r="M345" s="93"/>
      <c r="N345" s="93"/>
      <c r="O345" s="93"/>
      <c r="P345" s="22"/>
      <c r="Q345" s="22"/>
      <c r="R345" s="22"/>
    </row>
    <row r="346" spans="1:72" s="84" customFormat="1" x14ac:dyDescent="0.15">
      <c r="A346" s="176"/>
      <c r="B346" s="19"/>
      <c r="C346" s="19"/>
      <c r="D346" s="19"/>
      <c r="E346" s="19"/>
      <c r="F346" s="19"/>
      <c r="G346" s="19"/>
      <c r="H346" s="15"/>
      <c r="I346" s="15"/>
      <c r="J346" s="5"/>
      <c r="K346" s="6"/>
      <c r="L346" s="93"/>
      <c r="M346" s="93"/>
      <c r="N346" s="93"/>
      <c r="O346" s="93"/>
      <c r="P346" s="22"/>
      <c r="Q346" s="22"/>
      <c r="R346" s="22"/>
    </row>
    <row r="347" spans="1:72" s="84" customFormat="1" x14ac:dyDescent="0.15">
      <c r="A347" s="176"/>
      <c r="B347" s="19"/>
      <c r="C347" s="3"/>
      <c r="D347" s="3"/>
      <c r="E347" s="3"/>
      <c r="F347" s="3"/>
      <c r="G347" s="3"/>
      <c r="H347" s="242"/>
      <c r="I347" s="242"/>
      <c r="J347" s="71" t="s">
        <v>4</v>
      </c>
      <c r="K347" s="72"/>
      <c r="L347" s="93"/>
      <c r="M347" s="93"/>
      <c r="N347" s="93"/>
      <c r="O347" s="93"/>
      <c r="P347" s="22"/>
      <c r="Q347" s="22"/>
      <c r="R347" s="22"/>
    </row>
    <row r="348" spans="1:72" s="84" customFormat="1" x14ac:dyDescent="0.15">
      <c r="A348" s="176"/>
      <c r="B348" s="1"/>
      <c r="C348" s="66"/>
      <c r="D348" s="3"/>
      <c r="E348" s="3"/>
      <c r="F348" s="3"/>
      <c r="G348" s="3"/>
      <c r="H348" s="242"/>
      <c r="I348" s="74" t="s">
        <v>67</v>
      </c>
      <c r="J348" s="75"/>
      <c r="K348" s="76"/>
      <c r="L348" s="93"/>
      <c r="M348" s="93"/>
      <c r="N348" s="93"/>
      <c r="O348" s="93"/>
      <c r="P348" s="22"/>
      <c r="Q348" s="22"/>
      <c r="R348" s="22"/>
    </row>
    <row r="349" spans="1:72" s="84" customFormat="1" ht="33.6" customHeight="1" x14ac:dyDescent="0.15">
      <c r="A349" s="176"/>
      <c r="B349" s="1"/>
      <c r="C349" s="257" t="s">
        <v>103</v>
      </c>
      <c r="D349" s="257"/>
      <c r="E349" s="257"/>
      <c r="F349" s="257"/>
      <c r="G349" s="257"/>
      <c r="H349" s="258"/>
      <c r="I349" s="292" t="s">
        <v>308</v>
      </c>
      <c r="J349" s="207">
        <v>0</v>
      </c>
      <c r="K349" s="106" t="str">
        <f t="shared" ref="K349:K354" si="4">IF(OR(COUNTIF(J349,"未確認")&gt;0,COUNTIF(J349,"*")&gt;0),"※","")</f>
        <v/>
      </c>
      <c r="L349" s="93"/>
      <c r="M349" s="93"/>
      <c r="N349" s="93"/>
      <c r="O349" s="93"/>
      <c r="P349" s="22"/>
      <c r="Q349" s="22"/>
      <c r="R349" s="22"/>
    </row>
    <row r="350" spans="1:72" s="84" customFormat="1" ht="33.6" customHeight="1" x14ac:dyDescent="0.15">
      <c r="A350" s="176"/>
      <c r="B350" s="88"/>
      <c r="C350" s="328" t="s">
        <v>309</v>
      </c>
      <c r="D350" s="329"/>
      <c r="E350" s="329"/>
      <c r="F350" s="329"/>
      <c r="G350" s="329"/>
      <c r="H350" s="330"/>
      <c r="I350" s="342"/>
      <c r="J350" s="207">
        <v>0</v>
      </c>
      <c r="K350" s="106" t="str">
        <f t="shared" si="4"/>
        <v/>
      </c>
      <c r="L350" s="93"/>
      <c r="M350" s="93"/>
      <c r="N350" s="93"/>
      <c r="O350" s="93"/>
      <c r="P350" s="22"/>
      <c r="Q350" s="22"/>
      <c r="R350" s="22"/>
    </row>
    <row r="351" spans="1:72" s="84" customFormat="1" ht="33.6" customHeight="1" x14ac:dyDescent="0.15">
      <c r="A351" s="176"/>
      <c r="B351" s="88"/>
      <c r="C351" s="328" t="s">
        <v>106</v>
      </c>
      <c r="D351" s="329"/>
      <c r="E351" s="329"/>
      <c r="F351" s="329"/>
      <c r="G351" s="329"/>
      <c r="H351" s="330"/>
      <c r="I351" s="342"/>
      <c r="J351" s="207">
        <v>0</v>
      </c>
      <c r="K351" s="106" t="str">
        <f t="shared" si="4"/>
        <v/>
      </c>
      <c r="L351" s="93"/>
      <c r="M351" s="93"/>
      <c r="N351" s="93"/>
      <c r="O351" s="93"/>
      <c r="P351" s="22"/>
      <c r="Q351" s="22"/>
      <c r="R351" s="22"/>
    </row>
    <row r="352" spans="1:72" s="84" customFormat="1" ht="33.6" customHeight="1" x14ac:dyDescent="0.15">
      <c r="A352" s="176"/>
      <c r="B352" s="1"/>
      <c r="C352" s="257" t="s">
        <v>310</v>
      </c>
      <c r="D352" s="257"/>
      <c r="E352" s="257"/>
      <c r="F352" s="257"/>
      <c r="G352" s="257"/>
      <c r="H352" s="258"/>
      <c r="I352" s="342"/>
      <c r="J352" s="207">
        <v>0</v>
      </c>
      <c r="K352" s="106" t="str">
        <f t="shared" si="4"/>
        <v/>
      </c>
      <c r="L352" s="93"/>
      <c r="M352" s="93"/>
      <c r="N352" s="93"/>
      <c r="O352" s="93"/>
      <c r="P352" s="22"/>
      <c r="Q352" s="22"/>
      <c r="R352" s="22"/>
    </row>
    <row r="353" spans="1:18" s="84" customFormat="1" ht="33.6" customHeight="1" x14ac:dyDescent="0.15">
      <c r="A353" s="176"/>
      <c r="B353" s="88"/>
      <c r="C353" s="328" t="s">
        <v>311</v>
      </c>
      <c r="D353" s="329"/>
      <c r="E353" s="329"/>
      <c r="F353" s="329"/>
      <c r="G353" s="329"/>
      <c r="H353" s="330"/>
      <c r="I353" s="342"/>
      <c r="J353" s="207">
        <v>0</v>
      </c>
      <c r="K353" s="106" t="str">
        <f t="shared" si="4"/>
        <v/>
      </c>
      <c r="L353" s="93"/>
      <c r="M353" s="93"/>
      <c r="N353" s="93"/>
      <c r="O353" s="93"/>
      <c r="P353" s="22"/>
      <c r="Q353" s="22"/>
      <c r="R353" s="22"/>
    </row>
    <row r="354" spans="1:18" s="84" customFormat="1" ht="33.6" customHeight="1" x14ac:dyDescent="0.15">
      <c r="A354" s="176"/>
      <c r="B354" s="88"/>
      <c r="C354" s="328" t="s">
        <v>108</v>
      </c>
      <c r="D354" s="329"/>
      <c r="E354" s="329"/>
      <c r="F354" s="329"/>
      <c r="G354" s="329"/>
      <c r="H354" s="330"/>
      <c r="I354" s="334"/>
      <c r="J354" s="207">
        <v>0</v>
      </c>
      <c r="K354" s="106" t="str">
        <f t="shared" si="4"/>
        <v/>
      </c>
      <c r="L354" s="93"/>
      <c r="M354" s="93"/>
      <c r="N354" s="93"/>
      <c r="O354" s="93"/>
      <c r="P354" s="22"/>
      <c r="Q354" s="22"/>
      <c r="R354" s="22"/>
    </row>
    <row r="355" spans="1:18" s="84" customFormat="1" ht="19.5" x14ac:dyDescent="0.15">
      <c r="A355" s="176"/>
      <c r="B355" s="250"/>
      <c r="C355" s="142"/>
      <c r="D355" s="3"/>
      <c r="E355" s="3"/>
      <c r="F355" s="3"/>
      <c r="G355" s="3"/>
      <c r="H355" s="248"/>
      <c r="I355" s="248"/>
      <c r="J355" s="86"/>
      <c r="K355" s="68"/>
      <c r="L355" s="93"/>
      <c r="M355" s="93"/>
      <c r="N355" s="93"/>
      <c r="O355" s="93"/>
      <c r="P355" s="22"/>
      <c r="Q355" s="22"/>
      <c r="R355" s="22"/>
    </row>
    <row r="356" spans="1:18" s="84" customFormat="1" ht="19.5" x14ac:dyDescent="0.15">
      <c r="A356" s="176"/>
      <c r="B356" s="250"/>
      <c r="C356" s="142"/>
      <c r="D356" s="3"/>
      <c r="E356" s="3"/>
      <c r="F356" s="3"/>
      <c r="G356" s="3"/>
      <c r="H356" s="248"/>
      <c r="I356" s="248"/>
      <c r="J356" s="86"/>
      <c r="K356" s="68"/>
      <c r="L356" s="93"/>
      <c r="M356" s="93"/>
      <c r="N356" s="93"/>
      <c r="O356" s="93"/>
      <c r="P356" s="22"/>
      <c r="Q356" s="22"/>
      <c r="R356" s="22"/>
    </row>
    <row r="357" spans="1:18" s="84" customFormat="1" ht="19.5" x14ac:dyDescent="0.15">
      <c r="A357" s="176"/>
      <c r="B357" s="250"/>
      <c r="C357" s="142"/>
      <c r="D357" s="3"/>
      <c r="E357" s="3"/>
      <c r="F357" s="3"/>
      <c r="G357" s="3"/>
      <c r="H357" s="248"/>
      <c r="I357" s="248"/>
      <c r="J357" s="86"/>
      <c r="K357" s="68"/>
      <c r="L357" s="93"/>
      <c r="M357" s="93"/>
      <c r="N357" s="93"/>
      <c r="O357" s="93"/>
      <c r="P357" s="22"/>
      <c r="Q357" s="22"/>
      <c r="R357" s="22"/>
    </row>
    <row r="358" spans="1:18" s="84" customFormat="1" x14ac:dyDescent="0.15">
      <c r="A358" s="176"/>
      <c r="B358" s="19" t="s">
        <v>312</v>
      </c>
      <c r="C358" s="173"/>
      <c r="D358" s="3"/>
      <c r="E358" s="3"/>
      <c r="F358" s="3"/>
      <c r="G358" s="3"/>
      <c r="H358" s="242"/>
      <c r="I358" s="242"/>
      <c r="J358" s="86"/>
      <c r="K358" s="69"/>
      <c r="L358" s="93"/>
      <c r="M358" s="93"/>
      <c r="N358" s="93"/>
      <c r="O358" s="93"/>
      <c r="P358" s="22"/>
      <c r="Q358" s="22"/>
      <c r="R358" s="22"/>
    </row>
    <row r="359" spans="1:18" x14ac:dyDescent="0.15">
      <c r="A359" s="176"/>
      <c r="B359" s="19"/>
      <c r="C359" s="19"/>
      <c r="D359" s="19"/>
      <c r="E359" s="19"/>
      <c r="F359" s="19"/>
      <c r="G359" s="19"/>
      <c r="H359" s="15"/>
      <c r="I359" s="15"/>
      <c r="L359" s="93"/>
      <c r="M359" s="93"/>
      <c r="N359" s="93"/>
      <c r="O359" s="93"/>
      <c r="P359" s="22"/>
      <c r="Q359" s="22"/>
      <c r="R359" s="22"/>
    </row>
    <row r="360" spans="1:18" x14ac:dyDescent="0.15">
      <c r="A360" s="176"/>
      <c r="B360" s="19"/>
      <c r="C360" s="3"/>
      <c r="D360" s="3"/>
      <c r="F360" s="3"/>
      <c r="G360" s="3"/>
      <c r="H360" s="242"/>
      <c r="I360" s="242"/>
      <c r="J360" s="71" t="s">
        <v>4</v>
      </c>
      <c r="K360" s="72"/>
      <c r="L360" s="93"/>
      <c r="M360" s="93"/>
      <c r="N360" s="93"/>
      <c r="O360" s="93"/>
      <c r="P360" s="22"/>
      <c r="Q360" s="22"/>
      <c r="R360" s="22"/>
    </row>
    <row r="361" spans="1:18" x14ac:dyDescent="0.15">
      <c r="A361" s="176"/>
      <c r="B361" s="1"/>
      <c r="C361" s="66"/>
      <c r="D361" s="3"/>
      <c r="F361" s="3"/>
      <c r="G361" s="3"/>
      <c r="H361" s="242"/>
      <c r="I361" s="74" t="s">
        <v>67</v>
      </c>
      <c r="J361" s="75"/>
      <c r="K361" s="76"/>
      <c r="L361" s="93"/>
      <c r="M361" s="93"/>
      <c r="N361" s="93"/>
      <c r="O361" s="93"/>
      <c r="P361" s="22"/>
      <c r="Q361" s="22"/>
      <c r="R361" s="22"/>
    </row>
    <row r="362" spans="1:18" ht="34.5" customHeight="1" x14ac:dyDescent="0.15">
      <c r="A362" s="200" t="s">
        <v>313</v>
      </c>
      <c r="B362" s="1"/>
      <c r="C362" s="276" t="s">
        <v>314</v>
      </c>
      <c r="D362" s="277"/>
      <c r="E362" s="277"/>
      <c r="F362" s="277"/>
      <c r="G362" s="277"/>
      <c r="H362" s="278"/>
      <c r="I362" s="251" t="s">
        <v>315</v>
      </c>
      <c r="J362" s="105">
        <v>0</v>
      </c>
      <c r="K362" s="118" t="str">
        <f t="shared" ref="K362:K390" si="5">IF(OR(COUNTIF(J362,"未確認")&gt;0,COUNTIF(J362,"*")&gt;0),"※","")</f>
        <v/>
      </c>
      <c r="L362" s="93"/>
      <c r="M362" s="93"/>
      <c r="N362" s="93"/>
      <c r="O362" s="93"/>
      <c r="P362" s="22"/>
      <c r="Q362" s="22"/>
      <c r="R362" s="22"/>
    </row>
    <row r="363" spans="1:18" ht="34.5" customHeight="1" x14ac:dyDescent="0.15">
      <c r="A363" s="200" t="s">
        <v>316</v>
      </c>
      <c r="B363" s="1"/>
      <c r="C363" s="174"/>
      <c r="D363" s="254" t="s">
        <v>317</v>
      </c>
      <c r="E363" s="257" t="s">
        <v>318</v>
      </c>
      <c r="F363" s="257"/>
      <c r="G363" s="257"/>
      <c r="H363" s="257"/>
      <c r="I363" s="252"/>
      <c r="J363" s="105">
        <v>0</v>
      </c>
      <c r="K363" s="118" t="str">
        <f t="shared" si="5"/>
        <v/>
      </c>
      <c r="L363" s="93"/>
      <c r="M363" s="93"/>
      <c r="N363" s="93"/>
      <c r="O363" s="93"/>
      <c r="P363" s="22"/>
      <c r="Q363" s="22"/>
      <c r="R363" s="22"/>
    </row>
    <row r="364" spans="1:18" ht="34.5" customHeight="1" x14ac:dyDescent="0.15">
      <c r="A364" s="200" t="s">
        <v>319</v>
      </c>
      <c r="B364" s="1"/>
      <c r="C364" s="174"/>
      <c r="D364" s="255"/>
      <c r="E364" s="257" t="s">
        <v>320</v>
      </c>
      <c r="F364" s="258"/>
      <c r="G364" s="258"/>
      <c r="H364" s="258"/>
      <c r="I364" s="252"/>
      <c r="J364" s="105">
        <v>0</v>
      </c>
      <c r="K364" s="118" t="str">
        <f t="shared" si="5"/>
        <v/>
      </c>
      <c r="L364" s="93"/>
      <c r="M364" s="93"/>
      <c r="N364" s="93"/>
      <c r="O364" s="93"/>
      <c r="P364" s="22"/>
      <c r="Q364" s="22"/>
      <c r="R364" s="22"/>
    </row>
    <row r="365" spans="1:18" ht="34.5" customHeight="1" x14ac:dyDescent="0.15">
      <c r="A365" s="200" t="s">
        <v>321</v>
      </c>
      <c r="B365" s="1"/>
      <c r="C365" s="174"/>
      <c r="D365" s="255"/>
      <c r="E365" s="257" t="s">
        <v>322</v>
      </c>
      <c r="F365" s="258"/>
      <c r="G365" s="258"/>
      <c r="H365" s="258"/>
      <c r="I365" s="252"/>
      <c r="J365" s="105">
        <v>0</v>
      </c>
      <c r="K365" s="118" t="str">
        <f t="shared" si="5"/>
        <v/>
      </c>
      <c r="L365" s="93"/>
      <c r="M365" s="93"/>
      <c r="N365" s="93"/>
      <c r="O365" s="93"/>
      <c r="P365" s="22"/>
      <c r="Q365" s="22"/>
      <c r="R365" s="22"/>
    </row>
    <row r="366" spans="1:18" ht="34.5" customHeight="1" x14ac:dyDescent="0.15">
      <c r="A366" s="200" t="s">
        <v>323</v>
      </c>
      <c r="B366" s="1"/>
      <c r="C366" s="174"/>
      <c r="D366" s="255"/>
      <c r="E366" s="257" t="s">
        <v>324</v>
      </c>
      <c r="F366" s="258"/>
      <c r="G366" s="258"/>
      <c r="H366" s="258"/>
      <c r="I366" s="252"/>
      <c r="J366" s="105">
        <v>0</v>
      </c>
      <c r="K366" s="118" t="str">
        <f t="shared" si="5"/>
        <v/>
      </c>
      <c r="L366" s="93"/>
      <c r="M366" s="93"/>
      <c r="N366" s="93"/>
      <c r="O366" s="93"/>
      <c r="P366" s="22"/>
      <c r="Q366" s="22"/>
      <c r="R366" s="22"/>
    </row>
    <row r="367" spans="1:18" ht="34.5" customHeight="1" x14ac:dyDescent="0.15">
      <c r="A367" s="200" t="s">
        <v>325</v>
      </c>
      <c r="B367" s="1"/>
      <c r="C367" s="174"/>
      <c r="D367" s="255"/>
      <c r="E367" s="257" t="s">
        <v>326</v>
      </c>
      <c r="F367" s="258"/>
      <c r="G367" s="258"/>
      <c r="H367" s="258"/>
      <c r="I367" s="252"/>
      <c r="J367" s="105">
        <v>0</v>
      </c>
      <c r="K367" s="118" t="str">
        <f t="shared" si="5"/>
        <v/>
      </c>
      <c r="L367" s="93"/>
      <c r="M367" s="93"/>
      <c r="N367" s="93"/>
      <c r="O367" s="93"/>
      <c r="P367" s="22"/>
      <c r="Q367" s="22"/>
      <c r="R367" s="22"/>
    </row>
    <row r="368" spans="1:18" ht="34.5" customHeight="1" x14ac:dyDescent="0.15">
      <c r="A368" s="200" t="s">
        <v>327</v>
      </c>
      <c r="B368" s="1"/>
      <c r="C368" s="174"/>
      <c r="D368" s="255"/>
      <c r="E368" s="257" t="s">
        <v>328</v>
      </c>
      <c r="F368" s="258"/>
      <c r="G368" s="258"/>
      <c r="H368" s="258"/>
      <c r="I368" s="252"/>
      <c r="J368" s="105">
        <v>0</v>
      </c>
      <c r="K368" s="118" t="str">
        <f t="shared" si="5"/>
        <v/>
      </c>
      <c r="L368" s="93"/>
      <c r="M368" s="93"/>
      <c r="N368" s="93"/>
      <c r="O368" s="93"/>
      <c r="P368" s="22"/>
      <c r="Q368" s="22"/>
      <c r="R368" s="22"/>
    </row>
    <row r="369" spans="1:18" ht="34.5" customHeight="1" x14ac:dyDescent="0.15">
      <c r="A369" s="200" t="s">
        <v>329</v>
      </c>
      <c r="B369" s="1"/>
      <c r="C369" s="174"/>
      <c r="D369" s="255"/>
      <c r="E369" s="257" t="s">
        <v>330</v>
      </c>
      <c r="F369" s="258"/>
      <c r="G369" s="258"/>
      <c r="H369" s="258"/>
      <c r="I369" s="252"/>
      <c r="J369" s="105">
        <v>0</v>
      </c>
      <c r="K369" s="118" t="str">
        <f t="shared" si="5"/>
        <v/>
      </c>
      <c r="L369" s="93"/>
      <c r="M369" s="93"/>
      <c r="N369" s="93"/>
      <c r="O369" s="93"/>
      <c r="P369" s="22"/>
      <c r="Q369" s="22"/>
      <c r="R369" s="22"/>
    </row>
    <row r="370" spans="1:18" ht="34.5" customHeight="1" x14ac:dyDescent="0.15">
      <c r="A370" s="200" t="s">
        <v>331</v>
      </c>
      <c r="B370" s="1"/>
      <c r="C370" s="174"/>
      <c r="D370" s="255"/>
      <c r="E370" s="257" t="s">
        <v>332</v>
      </c>
      <c r="F370" s="258"/>
      <c r="G370" s="258"/>
      <c r="H370" s="258"/>
      <c r="I370" s="252"/>
      <c r="J370" s="105">
        <v>0</v>
      </c>
      <c r="K370" s="118" t="str">
        <f t="shared" si="5"/>
        <v/>
      </c>
      <c r="L370" s="93"/>
      <c r="M370" s="93"/>
      <c r="N370" s="93"/>
      <c r="O370" s="93"/>
      <c r="P370" s="22"/>
      <c r="Q370" s="22"/>
      <c r="R370" s="22"/>
    </row>
    <row r="371" spans="1:18" ht="34.5" customHeight="1" x14ac:dyDescent="0.15">
      <c r="A371" s="200" t="s">
        <v>333</v>
      </c>
      <c r="B371" s="1"/>
      <c r="C371" s="174"/>
      <c r="D371" s="255"/>
      <c r="E371" s="257" t="s">
        <v>334</v>
      </c>
      <c r="F371" s="258"/>
      <c r="G371" s="258"/>
      <c r="H371" s="258"/>
      <c r="I371" s="252"/>
      <c r="J371" s="105">
        <v>0</v>
      </c>
      <c r="K371" s="118" t="str">
        <f t="shared" si="5"/>
        <v/>
      </c>
      <c r="L371" s="93"/>
      <c r="M371" s="93"/>
      <c r="N371" s="93"/>
      <c r="O371" s="93"/>
      <c r="P371" s="22"/>
      <c r="Q371" s="22"/>
      <c r="R371" s="22"/>
    </row>
    <row r="372" spans="1:18" ht="34.5" customHeight="1" x14ac:dyDescent="0.15">
      <c r="A372" s="200" t="s">
        <v>335</v>
      </c>
      <c r="B372" s="1"/>
      <c r="C372" s="174"/>
      <c r="D372" s="255"/>
      <c r="E372" s="257" t="s">
        <v>336</v>
      </c>
      <c r="F372" s="258"/>
      <c r="G372" s="258"/>
      <c r="H372" s="258"/>
      <c r="I372" s="252"/>
      <c r="J372" s="105">
        <v>0</v>
      </c>
      <c r="K372" s="118" t="str">
        <f t="shared" si="5"/>
        <v/>
      </c>
      <c r="L372" s="93"/>
      <c r="M372" s="93"/>
      <c r="N372" s="93"/>
      <c r="O372" s="93"/>
      <c r="P372" s="22"/>
      <c r="Q372" s="22"/>
      <c r="R372" s="22"/>
    </row>
    <row r="373" spans="1:18" ht="34.5" customHeight="1" x14ac:dyDescent="0.15">
      <c r="A373" s="200" t="s">
        <v>337</v>
      </c>
      <c r="B373" s="1"/>
      <c r="C373" s="174"/>
      <c r="D373" s="255"/>
      <c r="E373" s="257" t="s">
        <v>338</v>
      </c>
      <c r="F373" s="258"/>
      <c r="G373" s="258"/>
      <c r="H373" s="258"/>
      <c r="I373" s="252"/>
      <c r="J373" s="105">
        <v>0</v>
      </c>
      <c r="K373" s="118" t="str">
        <f t="shared" si="5"/>
        <v/>
      </c>
      <c r="L373" s="93"/>
      <c r="M373" s="93"/>
      <c r="N373" s="93"/>
      <c r="O373" s="93"/>
      <c r="P373" s="22"/>
      <c r="Q373" s="22"/>
      <c r="R373" s="22"/>
    </row>
    <row r="374" spans="1:18" ht="34.5" customHeight="1" x14ac:dyDescent="0.15">
      <c r="A374" s="200" t="s">
        <v>339</v>
      </c>
      <c r="B374" s="1"/>
      <c r="C374" s="174"/>
      <c r="D374" s="256"/>
      <c r="E374" s="257" t="s">
        <v>340</v>
      </c>
      <c r="F374" s="258"/>
      <c r="G374" s="258"/>
      <c r="H374" s="258"/>
      <c r="I374" s="253"/>
      <c r="J374" s="105">
        <v>0</v>
      </c>
      <c r="K374" s="118" t="str">
        <f t="shared" si="5"/>
        <v/>
      </c>
      <c r="L374" s="93"/>
      <c r="M374" s="93"/>
      <c r="N374" s="93"/>
      <c r="O374" s="93"/>
      <c r="P374" s="22"/>
      <c r="Q374" s="22"/>
      <c r="R374" s="22"/>
    </row>
    <row r="375" spans="1:18" ht="34.5" customHeight="1" x14ac:dyDescent="0.15">
      <c r="A375" s="200" t="s">
        <v>341</v>
      </c>
      <c r="B375" s="130"/>
      <c r="C375" s="276" t="s">
        <v>342</v>
      </c>
      <c r="D375" s="277"/>
      <c r="E375" s="277"/>
      <c r="F375" s="277"/>
      <c r="G375" s="277"/>
      <c r="H375" s="278"/>
      <c r="I375" s="251" t="s">
        <v>343</v>
      </c>
      <c r="J375" s="105">
        <v>0</v>
      </c>
      <c r="K375" s="118" t="str">
        <f t="shared" si="5"/>
        <v/>
      </c>
      <c r="L375" s="93"/>
      <c r="M375" s="93"/>
      <c r="N375" s="93"/>
      <c r="O375" s="93"/>
      <c r="P375" s="22"/>
      <c r="Q375" s="22"/>
      <c r="R375" s="22"/>
    </row>
    <row r="376" spans="1:18" ht="34.5" customHeight="1" x14ac:dyDescent="0.15">
      <c r="A376" s="200" t="s">
        <v>344</v>
      </c>
      <c r="B376" s="1"/>
      <c r="C376" s="174"/>
      <c r="D376" s="254" t="s">
        <v>317</v>
      </c>
      <c r="E376" s="257" t="s">
        <v>318</v>
      </c>
      <c r="F376" s="258"/>
      <c r="G376" s="258"/>
      <c r="H376" s="258"/>
      <c r="I376" s="252"/>
      <c r="J376" s="105">
        <v>0</v>
      </c>
      <c r="K376" s="118" t="str">
        <f t="shared" si="5"/>
        <v/>
      </c>
      <c r="L376" s="93"/>
      <c r="M376" s="93"/>
      <c r="N376" s="93"/>
      <c r="O376" s="93"/>
      <c r="P376" s="22"/>
      <c r="Q376" s="22"/>
      <c r="R376" s="22"/>
    </row>
    <row r="377" spans="1:18" ht="34.5" customHeight="1" x14ac:dyDescent="0.15">
      <c r="A377" s="200" t="s">
        <v>345</v>
      </c>
      <c r="B377" s="1"/>
      <c r="C377" s="174"/>
      <c r="D377" s="255"/>
      <c r="E377" s="257" t="s">
        <v>320</v>
      </c>
      <c r="F377" s="258"/>
      <c r="G377" s="258"/>
      <c r="H377" s="258"/>
      <c r="I377" s="252"/>
      <c r="J377" s="105">
        <v>0</v>
      </c>
      <c r="K377" s="118" t="str">
        <f t="shared" si="5"/>
        <v/>
      </c>
      <c r="L377" s="93"/>
      <c r="M377" s="93"/>
      <c r="N377" s="93"/>
      <c r="O377" s="93"/>
      <c r="P377" s="22"/>
      <c r="Q377" s="22"/>
      <c r="R377" s="22"/>
    </row>
    <row r="378" spans="1:18" ht="34.5" customHeight="1" x14ac:dyDescent="0.15">
      <c r="A378" s="200" t="s">
        <v>346</v>
      </c>
      <c r="B378" s="1"/>
      <c r="C378" s="174"/>
      <c r="D378" s="255"/>
      <c r="E378" s="257" t="s">
        <v>322</v>
      </c>
      <c r="F378" s="258"/>
      <c r="G378" s="258"/>
      <c r="H378" s="258"/>
      <c r="I378" s="252"/>
      <c r="J378" s="105">
        <v>0</v>
      </c>
      <c r="K378" s="118" t="str">
        <f t="shared" si="5"/>
        <v/>
      </c>
      <c r="L378" s="93"/>
      <c r="M378" s="93"/>
      <c r="N378" s="93"/>
      <c r="O378" s="93"/>
      <c r="P378" s="22"/>
      <c r="Q378" s="22"/>
      <c r="R378" s="22"/>
    </row>
    <row r="379" spans="1:18" ht="34.5" customHeight="1" x14ac:dyDescent="0.15">
      <c r="A379" s="200" t="s">
        <v>347</v>
      </c>
      <c r="B379" s="1"/>
      <c r="C379" s="174"/>
      <c r="D379" s="255"/>
      <c r="E379" s="257" t="s">
        <v>324</v>
      </c>
      <c r="F379" s="258"/>
      <c r="G379" s="258"/>
      <c r="H379" s="258"/>
      <c r="I379" s="252"/>
      <c r="J379" s="105">
        <v>0</v>
      </c>
      <c r="K379" s="118" t="str">
        <f t="shared" si="5"/>
        <v/>
      </c>
      <c r="L379" s="93"/>
      <c r="M379" s="93"/>
      <c r="N379" s="93"/>
      <c r="O379" s="93"/>
      <c r="P379" s="22"/>
      <c r="Q379" s="22"/>
      <c r="R379" s="22"/>
    </row>
    <row r="380" spans="1:18" ht="34.5" customHeight="1" x14ac:dyDescent="0.15">
      <c r="A380" s="200" t="s">
        <v>348</v>
      </c>
      <c r="B380" s="1"/>
      <c r="C380" s="174"/>
      <c r="D380" s="255"/>
      <c r="E380" s="257" t="s">
        <v>326</v>
      </c>
      <c r="F380" s="258"/>
      <c r="G380" s="258"/>
      <c r="H380" s="258"/>
      <c r="I380" s="252"/>
      <c r="J380" s="105">
        <v>0</v>
      </c>
      <c r="K380" s="118" t="str">
        <f t="shared" si="5"/>
        <v/>
      </c>
      <c r="L380" s="93"/>
      <c r="M380" s="93"/>
      <c r="N380" s="93"/>
      <c r="O380" s="93"/>
      <c r="P380" s="22"/>
      <c r="Q380" s="22"/>
      <c r="R380" s="22"/>
    </row>
    <row r="381" spans="1:18" ht="34.5" customHeight="1" x14ac:dyDescent="0.15">
      <c r="A381" s="200" t="s">
        <v>349</v>
      </c>
      <c r="B381" s="1"/>
      <c r="C381" s="174"/>
      <c r="D381" s="255"/>
      <c r="E381" s="257" t="s">
        <v>328</v>
      </c>
      <c r="F381" s="258"/>
      <c r="G381" s="258"/>
      <c r="H381" s="258"/>
      <c r="I381" s="252"/>
      <c r="J381" s="105">
        <v>0</v>
      </c>
      <c r="K381" s="118" t="str">
        <f t="shared" si="5"/>
        <v/>
      </c>
      <c r="L381" s="93"/>
      <c r="M381" s="93"/>
      <c r="N381" s="93"/>
      <c r="O381" s="93"/>
      <c r="P381" s="22"/>
      <c r="Q381" s="22"/>
      <c r="R381" s="22"/>
    </row>
    <row r="382" spans="1:18" ht="34.5" customHeight="1" x14ac:dyDescent="0.15">
      <c r="A382" s="200" t="s">
        <v>350</v>
      </c>
      <c r="B382" s="1"/>
      <c r="C382" s="174"/>
      <c r="D382" s="255"/>
      <c r="E382" s="257" t="s">
        <v>330</v>
      </c>
      <c r="F382" s="258"/>
      <c r="G382" s="258"/>
      <c r="H382" s="258"/>
      <c r="I382" s="252"/>
      <c r="J382" s="105">
        <v>0</v>
      </c>
      <c r="K382" s="118" t="str">
        <f t="shared" si="5"/>
        <v/>
      </c>
      <c r="L382" s="93"/>
      <c r="M382" s="93"/>
      <c r="N382" s="93"/>
      <c r="O382" s="93"/>
      <c r="P382" s="22"/>
      <c r="Q382" s="22"/>
      <c r="R382" s="22"/>
    </row>
    <row r="383" spans="1:18" ht="34.5" customHeight="1" x14ac:dyDescent="0.15">
      <c r="A383" s="200" t="s">
        <v>351</v>
      </c>
      <c r="B383" s="1"/>
      <c r="C383" s="174"/>
      <c r="D383" s="255"/>
      <c r="E383" s="257" t="s">
        <v>332</v>
      </c>
      <c r="F383" s="258"/>
      <c r="G383" s="258"/>
      <c r="H383" s="258"/>
      <c r="I383" s="252"/>
      <c r="J383" s="105">
        <v>0</v>
      </c>
      <c r="K383" s="118" t="str">
        <f t="shared" si="5"/>
        <v/>
      </c>
      <c r="L383" s="93"/>
      <c r="M383" s="93"/>
      <c r="N383" s="93"/>
      <c r="O383" s="93"/>
      <c r="P383" s="22"/>
      <c r="Q383" s="22"/>
      <c r="R383" s="22"/>
    </row>
    <row r="384" spans="1:18" ht="34.5" customHeight="1" x14ac:dyDescent="0.15">
      <c r="A384" s="200" t="s">
        <v>352</v>
      </c>
      <c r="B384" s="1"/>
      <c r="C384" s="174"/>
      <c r="D384" s="255"/>
      <c r="E384" s="257" t="s">
        <v>334</v>
      </c>
      <c r="F384" s="258"/>
      <c r="G384" s="258"/>
      <c r="H384" s="258"/>
      <c r="I384" s="252"/>
      <c r="J384" s="105">
        <v>0</v>
      </c>
      <c r="K384" s="118" t="str">
        <f t="shared" si="5"/>
        <v/>
      </c>
      <c r="L384" s="93"/>
      <c r="M384" s="93"/>
      <c r="N384" s="93"/>
      <c r="O384" s="93"/>
      <c r="P384" s="22"/>
      <c r="Q384" s="22"/>
      <c r="R384" s="22"/>
    </row>
    <row r="385" spans="1:18" ht="34.5" customHeight="1" x14ac:dyDescent="0.15">
      <c r="A385" s="200" t="s">
        <v>353</v>
      </c>
      <c r="B385" s="1"/>
      <c r="C385" s="174"/>
      <c r="D385" s="255"/>
      <c r="E385" s="257" t="s">
        <v>336</v>
      </c>
      <c r="F385" s="258"/>
      <c r="G385" s="258"/>
      <c r="H385" s="258"/>
      <c r="I385" s="252"/>
      <c r="J385" s="105">
        <v>0</v>
      </c>
      <c r="K385" s="118" t="str">
        <f t="shared" si="5"/>
        <v/>
      </c>
      <c r="L385" s="93"/>
      <c r="M385" s="93"/>
      <c r="N385" s="93"/>
      <c r="O385" s="93"/>
      <c r="P385" s="22"/>
      <c r="Q385" s="22"/>
      <c r="R385" s="22"/>
    </row>
    <row r="386" spans="1:18" ht="34.5" customHeight="1" x14ac:dyDescent="0.15">
      <c r="A386" s="200" t="s">
        <v>354</v>
      </c>
      <c r="B386" s="1"/>
      <c r="C386" s="174"/>
      <c r="D386" s="255"/>
      <c r="E386" s="257" t="s">
        <v>338</v>
      </c>
      <c r="F386" s="258"/>
      <c r="G386" s="258"/>
      <c r="H386" s="258"/>
      <c r="I386" s="252"/>
      <c r="J386" s="105">
        <v>0</v>
      </c>
      <c r="K386" s="118" t="str">
        <f t="shared" si="5"/>
        <v/>
      </c>
      <c r="L386" s="93"/>
      <c r="M386" s="93"/>
      <c r="N386" s="93"/>
      <c r="O386" s="93"/>
      <c r="P386" s="22"/>
      <c r="Q386" s="22"/>
      <c r="R386" s="22"/>
    </row>
    <row r="387" spans="1:18" ht="34.5" customHeight="1" x14ac:dyDescent="0.15">
      <c r="A387" s="200" t="s">
        <v>355</v>
      </c>
      <c r="B387" s="1"/>
      <c r="C387" s="174"/>
      <c r="D387" s="256"/>
      <c r="E387" s="257" t="s">
        <v>340</v>
      </c>
      <c r="F387" s="258"/>
      <c r="G387" s="258"/>
      <c r="H387" s="258"/>
      <c r="I387" s="253"/>
      <c r="J387" s="105">
        <v>0</v>
      </c>
      <c r="K387" s="118" t="str">
        <f t="shared" si="5"/>
        <v/>
      </c>
      <c r="L387" s="93"/>
      <c r="M387" s="93"/>
      <c r="N387" s="93"/>
      <c r="O387" s="93"/>
      <c r="P387" s="22"/>
      <c r="Q387" s="22"/>
      <c r="R387" s="22"/>
    </row>
    <row r="388" spans="1:18" ht="56.1" customHeight="1" x14ac:dyDescent="0.15">
      <c r="A388" s="200" t="s">
        <v>356</v>
      </c>
      <c r="B388" s="130"/>
      <c r="C388" s="259" t="s">
        <v>357</v>
      </c>
      <c r="D388" s="260"/>
      <c r="E388" s="260"/>
      <c r="F388" s="260"/>
      <c r="G388" s="260"/>
      <c r="H388" s="261"/>
      <c r="I388" s="134" t="s">
        <v>358</v>
      </c>
      <c r="J388" s="105">
        <v>0</v>
      </c>
      <c r="K388" s="118" t="str">
        <f t="shared" si="5"/>
        <v/>
      </c>
      <c r="L388" s="93"/>
      <c r="M388" s="93"/>
      <c r="N388" s="93"/>
      <c r="O388" s="93"/>
      <c r="P388" s="22"/>
      <c r="Q388" s="22"/>
      <c r="R388" s="22"/>
    </row>
    <row r="389" spans="1:18" ht="69.95" customHeight="1" x14ac:dyDescent="0.15">
      <c r="A389" s="200" t="s">
        <v>359</v>
      </c>
      <c r="B389" s="130"/>
      <c r="C389" s="259" t="s">
        <v>360</v>
      </c>
      <c r="D389" s="260"/>
      <c r="E389" s="260"/>
      <c r="F389" s="260"/>
      <c r="G389" s="260"/>
      <c r="H389" s="261"/>
      <c r="I389" s="134" t="s">
        <v>361</v>
      </c>
      <c r="J389" s="105">
        <v>0</v>
      </c>
      <c r="K389" s="118" t="str">
        <f t="shared" si="5"/>
        <v/>
      </c>
      <c r="L389" s="93"/>
      <c r="M389" s="93"/>
      <c r="N389" s="93"/>
      <c r="O389" s="93"/>
      <c r="P389" s="22"/>
      <c r="Q389" s="22"/>
      <c r="R389" s="22"/>
    </row>
    <row r="390" spans="1:18" ht="69.95" customHeight="1" x14ac:dyDescent="0.15">
      <c r="A390" s="200" t="s">
        <v>362</v>
      </c>
      <c r="B390" s="130"/>
      <c r="C390" s="259" t="s">
        <v>363</v>
      </c>
      <c r="D390" s="260"/>
      <c r="E390" s="260"/>
      <c r="F390" s="260"/>
      <c r="G390" s="260"/>
      <c r="H390" s="261"/>
      <c r="I390" s="134" t="s">
        <v>364</v>
      </c>
      <c r="J390" s="105">
        <v>0</v>
      </c>
      <c r="K390" s="118" t="str">
        <f t="shared" si="5"/>
        <v/>
      </c>
      <c r="L390" s="93"/>
      <c r="M390" s="93"/>
      <c r="N390" s="93"/>
      <c r="O390" s="93"/>
      <c r="P390" s="22"/>
      <c r="Q390" s="22"/>
      <c r="R390" s="22"/>
    </row>
    <row r="391" spans="1:18" s="84" customFormat="1" x14ac:dyDescent="0.15">
      <c r="A391" s="176"/>
      <c r="B391" s="19"/>
      <c r="C391" s="19"/>
      <c r="D391" s="19"/>
      <c r="E391" s="19"/>
      <c r="F391" s="19"/>
      <c r="G391" s="19"/>
      <c r="H391" s="15"/>
      <c r="I391" s="15"/>
      <c r="J391" s="82"/>
      <c r="K391" s="83"/>
      <c r="L391" s="93"/>
      <c r="M391" s="93"/>
      <c r="N391" s="93"/>
      <c r="O391" s="93"/>
      <c r="P391" s="22"/>
      <c r="Q391" s="22"/>
      <c r="R391" s="22"/>
    </row>
    <row r="392" spans="1:18" s="81" customFormat="1" x14ac:dyDescent="0.15">
      <c r="A392" s="176"/>
      <c r="B392" s="88"/>
      <c r="C392" s="66"/>
      <c r="D392" s="66"/>
      <c r="E392" s="66"/>
      <c r="F392" s="66"/>
      <c r="G392" s="66"/>
      <c r="H392" s="91"/>
      <c r="I392" s="91"/>
      <c r="J392" s="82"/>
      <c r="K392" s="83"/>
      <c r="L392" s="93"/>
      <c r="M392" s="93"/>
      <c r="N392" s="93"/>
      <c r="O392" s="93"/>
      <c r="P392" s="22"/>
      <c r="Q392" s="22"/>
      <c r="R392" s="22"/>
    </row>
    <row r="393" spans="1:18" x14ac:dyDescent="0.15">
      <c r="A393" s="176"/>
      <c r="B393" s="175"/>
      <c r="C393" s="3"/>
      <c r="D393" s="3"/>
      <c r="F393" s="3"/>
      <c r="G393" s="3"/>
      <c r="H393" s="242"/>
      <c r="I393" s="242"/>
      <c r="J393" s="86"/>
      <c r="K393" s="69"/>
      <c r="L393" s="93"/>
      <c r="M393" s="93"/>
      <c r="N393" s="93"/>
      <c r="O393" s="93"/>
      <c r="P393" s="22"/>
      <c r="Q393" s="22"/>
      <c r="R393" s="22"/>
    </row>
    <row r="394" spans="1:18" x14ac:dyDescent="0.15">
      <c r="A394" s="176"/>
      <c r="B394" s="19" t="s">
        <v>365</v>
      </c>
      <c r="C394" s="101"/>
      <c r="D394" s="101"/>
      <c r="E394" s="101"/>
      <c r="F394" s="101"/>
      <c r="G394" s="101"/>
      <c r="H394" s="15"/>
      <c r="I394" s="15"/>
      <c r="J394" s="86"/>
      <c r="K394" s="69"/>
      <c r="L394" s="93"/>
      <c r="M394" s="93"/>
      <c r="N394" s="93"/>
      <c r="O394" s="93"/>
      <c r="P394" s="22"/>
      <c r="Q394" s="22"/>
      <c r="R394" s="22"/>
    </row>
    <row r="395" spans="1:18" x14ac:dyDescent="0.15">
      <c r="A395" s="176"/>
      <c r="B395" s="19"/>
      <c r="C395" s="19"/>
      <c r="D395" s="19"/>
      <c r="E395" s="19"/>
      <c r="F395" s="19"/>
      <c r="G395" s="19"/>
      <c r="H395" s="15"/>
      <c r="I395" s="15"/>
      <c r="L395" s="93"/>
      <c r="M395" s="93"/>
      <c r="N395" s="93"/>
      <c r="O395" s="93"/>
      <c r="P395" s="22"/>
      <c r="Q395" s="22"/>
      <c r="R395" s="22"/>
    </row>
    <row r="396" spans="1:18" x14ac:dyDescent="0.15">
      <c r="A396" s="176"/>
      <c r="B396" s="19"/>
      <c r="C396" s="19" t="s">
        <v>366</v>
      </c>
      <c r="D396" s="3"/>
      <c r="F396" s="3"/>
      <c r="G396" s="3"/>
      <c r="H396" s="242"/>
      <c r="I396" s="242"/>
      <c r="J396" s="71" t="s">
        <v>4</v>
      </c>
      <c r="K396" s="72"/>
      <c r="L396" s="93"/>
      <c r="M396" s="93"/>
      <c r="N396" s="93"/>
      <c r="O396" s="93"/>
      <c r="P396" s="22"/>
      <c r="Q396" s="22"/>
      <c r="R396" s="22"/>
    </row>
    <row r="397" spans="1:18" x14ac:dyDescent="0.15">
      <c r="A397" s="176"/>
      <c r="B397" s="1"/>
      <c r="C397" s="270"/>
      <c r="D397" s="271"/>
      <c r="E397" s="271"/>
      <c r="F397" s="271"/>
      <c r="G397" s="176"/>
      <c r="H397" s="242"/>
      <c r="I397" s="74" t="s">
        <v>67</v>
      </c>
      <c r="J397" s="75"/>
      <c r="K397" s="76"/>
      <c r="L397" s="93"/>
      <c r="M397" s="93"/>
      <c r="N397" s="93"/>
      <c r="O397" s="93"/>
      <c r="P397" s="22"/>
      <c r="Q397" s="22"/>
      <c r="R397" s="22"/>
    </row>
    <row r="398" spans="1:18" ht="42" customHeight="1" x14ac:dyDescent="0.15">
      <c r="A398" s="200" t="s">
        <v>367</v>
      </c>
      <c r="B398" s="1"/>
      <c r="C398" s="259" t="s">
        <v>368</v>
      </c>
      <c r="D398" s="260"/>
      <c r="E398" s="260"/>
      <c r="F398" s="260"/>
      <c r="G398" s="260"/>
      <c r="H398" s="261"/>
      <c r="I398" s="241" t="s">
        <v>369</v>
      </c>
      <c r="J398" s="105">
        <v>0</v>
      </c>
      <c r="K398" s="118" t="str">
        <f t="shared" ref="K398:K405" si="6">IF(OR(COUNTIF(J398,"未確認")&gt;0,COUNTIF(J398,"*")&gt;0),"※","")</f>
        <v/>
      </c>
      <c r="L398" s="93"/>
      <c r="M398" s="93"/>
      <c r="N398" s="93"/>
      <c r="O398" s="93"/>
      <c r="P398" s="22"/>
      <c r="Q398" s="22"/>
      <c r="R398" s="22"/>
    </row>
    <row r="399" spans="1:18" ht="84" customHeight="1" x14ac:dyDescent="0.15">
      <c r="A399" s="200" t="s">
        <v>370</v>
      </c>
      <c r="B399" s="177"/>
      <c r="C399" s="259" t="s">
        <v>371</v>
      </c>
      <c r="D399" s="266"/>
      <c r="E399" s="266"/>
      <c r="F399" s="266"/>
      <c r="G399" s="266"/>
      <c r="H399" s="267"/>
      <c r="I399" s="134" t="s">
        <v>372</v>
      </c>
      <c r="J399" s="105">
        <v>0</v>
      </c>
      <c r="K399" s="118" t="str">
        <f t="shared" si="6"/>
        <v/>
      </c>
      <c r="L399" s="93"/>
      <c r="M399" s="93"/>
      <c r="N399" s="93"/>
      <c r="O399" s="93"/>
      <c r="P399" s="22"/>
      <c r="Q399" s="22"/>
      <c r="R399" s="22"/>
    </row>
    <row r="400" spans="1:18" ht="56.1" customHeight="1" x14ac:dyDescent="0.15">
      <c r="A400" s="200" t="s">
        <v>373</v>
      </c>
      <c r="B400" s="177"/>
      <c r="C400" s="259" t="s">
        <v>374</v>
      </c>
      <c r="D400" s="266"/>
      <c r="E400" s="266"/>
      <c r="F400" s="266"/>
      <c r="G400" s="266"/>
      <c r="H400" s="267"/>
      <c r="I400" s="134" t="s">
        <v>375</v>
      </c>
      <c r="J400" s="105">
        <v>0</v>
      </c>
      <c r="K400" s="118" t="str">
        <f t="shared" si="6"/>
        <v/>
      </c>
      <c r="L400" s="93"/>
      <c r="M400" s="93"/>
      <c r="N400" s="93"/>
      <c r="O400" s="93"/>
      <c r="P400" s="22"/>
      <c r="Q400" s="22"/>
      <c r="R400" s="22"/>
    </row>
    <row r="401" spans="1:18" ht="56.1" customHeight="1" x14ac:dyDescent="0.15">
      <c r="A401" s="200" t="s">
        <v>376</v>
      </c>
      <c r="B401" s="177"/>
      <c r="C401" s="259" t="s">
        <v>377</v>
      </c>
      <c r="D401" s="266"/>
      <c r="E401" s="266"/>
      <c r="F401" s="266"/>
      <c r="G401" s="266"/>
      <c r="H401" s="267"/>
      <c r="I401" s="134" t="s">
        <v>378</v>
      </c>
      <c r="J401" s="105">
        <v>0</v>
      </c>
      <c r="K401" s="118" t="str">
        <f t="shared" si="6"/>
        <v/>
      </c>
      <c r="L401" s="93"/>
      <c r="M401" s="93"/>
      <c r="N401" s="93"/>
      <c r="O401" s="93"/>
      <c r="P401" s="22"/>
      <c r="Q401" s="22"/>
      <c r="R401" s="22"/>
    </row>
    <row r="402" spans="1:18" ht="71.25" x14ac:dyDescent="0.15">
      <c r="A402" s="200" t="s">
        <v>379</v>
      </c>
      <c r="B402" s="177"/>
      <c r="C402" s="259" t="s">
        <v>380</v>
      </c>
      <c r="D402" s="266"/>
      <c r="E402" s="266"/>
      <c r="F402" s="266"/>
      <c r="G402" s="266"/>
      <c r="H402" s="267"/>
      <c r="I402" s="134" t="s">
        <v>381</v>
      </c>
      <c r="J402" s="105">
        <v>0</v>
      </c>
      <c r="K402" s="118" t="str">
        <f t="shared" si="6"/>
        <v/>
      </c>
      <c r="L402" s="93"/>
      <c r="M402" s="93"/>
      <c r="N402" s="93"/>
      <c r="O402" s="93"/>
      <c r="P402" s="22"/>
      <c r="Q402" s="22"/>
      <c r="R402" s="22"/>
    </row>
    <row r="403" spans="1:18" s="137" customFormat="1" ht="98.1" customHeight="1" x14ac:dyDescent="0.15">
      <c r="A403" s="200" t="s">
        <v>382</v>
      </c>
      <c r="B403" s="177"/>
      <c r="C403" s="259" t="s">
        <v>383</v>
      </c>
      <c r="D403" s="268"/>
      <c r="E403" s="268"/>
      <c r="F403" s="268"/>
      <c r="G403" s="268"/>
      <c r="H403" s="269"/>
      <c r="I403" s="134" t="s">
        <v>384</v>
      </c>
      <c r="J403" s="105">
        <v>0</v>
      </c>
      <c r="K403" s="118" t="str">
        <f t="shared" si="6"/>
        <v/>
      </c>
      <c r="L403" s="93"/>
      <c r="M403" s="93"/>
      <c r="N403" s="93"/>
      <c r="O403" s="93"/>
      <c r="P403" s="22"/>
      <c r="Q403" s="22"/>
      <c r="R403" s="22"/>
    </row>
    <row r="404" spans="1:18" s="137" customFormat="1" ht="69.95" customHeight="1" x14ac:dyDescent="0.15">
      <c r="A404" s="200" t="s">
        <v>385</v>
      </c>
      <c r="B404" s="177"/>
      <c r="C404" s="259" t="s">
        <v>386</v>
      </c>
      <c r="D404" s="266"/>
      <c r="E404" s="266"/>
      <c r="F404" s="266"/>
      <c r="G404" s="266"/>
      <c r="H404" s="267"/>
      <c r="I404" s="134" t="s">
        <v>387</v>
      </c>
      <c r="J404" s="105">
        <v>0</v>
      </c>
      <c r="K404" s="118" t="str">
        <f t="shared" si="6"/>
        <v/>
      </c>
      <c r="L404" s="93"/>
      <c r="M404" s="93"/>
      <c r="N404" s="93"/>
      <c r="O404" s="93"/>
      <c r="P404" s="22"/>
      <c r="Q404" s="22"/>
      <c r="R404" s="22"/>
    </row>
    <row r="405" spans="1:18" s="137" customFormat="1" ht="84" customHeight="1" x14ac:dyDescent="0.15">
      <c r="A405" s="200" t="s">
        <v>388</v>
      </c>
      <c r="B405" s="177"/>
      <c r="C405" s="259" t="s">
        <v>389</v>
      </c>
      <c r="D405" s="266"/>
      <c r="E405" s="266"/>
      <c r="F405" s="266"/>
      <c r="G405" s="266"/>
      <c r="H405" s="267"/>
      <c r="I405" s="134" t="s">
        <v>390</v>
      </c>
      <c r="J405" s="105">
        <v>0</v>
      </c>
      <c r="K405" s="118" t="str">
        <f t="shared" si="6"/>
        <v/>
      </c>
      <c r="L405" s="93"/>
      <c r="M405" s="93"/>
      <c r="N405" s="93"/>
      <c r="O405" s="93"/>
      <c r="P405" s="22"/>
      <c r="Q405" s="22"/>
      <c r="R405" s="22"/>
    </row>
    <row r="406" spans="1:18" s="84" customFormat="1" x14ac:dyDescent="0.15">
      <c r="A406" s="176"/>
      <c r="B406" s="19"/>
      <c r="C406" s="19"/>
      <c r="D406" s="19"/>
      <c r="E406" s="19"/>
      <c r="F406" s="19"/>
      <c r="G406" s="19"/>
      <c r="H406" s="15"/>
      <c r="I406" s="15"/>
      <c r="J406" s="82"/>
      <c r="K406" s="83"/>
      <c r="L406" s="93"/>
      <c r="M406" s="93"/>
      <c r="N406" s="93"/>
      <c r="O406" s="93"/>
      <c r="P406" s="22"/>
      <c r="Q406" s="22"/>
      <c r="R406" s="22"/>
    </row>
    <row r="407" spans="1:18" s="84" customFormat="1" x14ac:dyDescent="0.15">
      <c r="A407" s="176"/>
      <c r="B407" s="19"/>
      <c r="C407" s="19"/>
      <c r="D407" s="19"/>
      <c r="E407" s="19"/>
      <c r="F407" s="19"/>
      <c r="G407" s="19"/>
      <c r="H407" s="15"/>
      <c r="I407" s="15"/>
      <c r="J407" s="82"/>
      <c r="K407" s="83"/>
      <c r="L407" s="93"/>
      <c r="M407" s="93"/>
      <c r="N407" s="93"/>
      <c r="O407" s="93"/>
      <c r="P407" s="22"/>
      <c r="Q407" s="22"/>
      <c r="R407" s="22"/>
    </row>
    <row r="408" spans="1:18" x14ac:dyDescent="0.15">
      <c r="A408" s="176"/>
      <c r="B408" s="19"/>
      <c r="C408" s="19"/>
      <c r="D408" s="19"/>
      <c r="E408" s="19"/>
      <c r="F408" s="19"/>
      <c r="G408" s="19"/>
      <c r="H408" s="15"/>
      <c r="I408" s="15"/>
      <c r="L408" s="93"/>
      <c r="M408" s="93"/>
      <c r="N408" s="93"/>
      <c r="O408" s="93"/>
      <c r="P408" s="22"/>
      <c r="Q408" s="22"/>
      <c r="R408" s="22"/>
    </row>
    <row r="409" spans="1:18" x14ac:dyDescent="0.15">
      <c r="A409" s="176"/>
      <c r="B409" s="19"/>
      <c r="C409" s="19" t="s">
        <v>391</v>
      </c>
      <c r="D409" s="3"/>
      <c r="F409" s="3"/>
      <c r="G409" s="3"/>
      <c r="H409" s="242"/>
      <c r="I409" s="242"/>
      <c r="J409" s="71" t="s">
        <v>4</v>
      </c>
      <c r="K409" s="72"/>
      <c r="L409" s="93"/>
      <c r="M409" s="93"/>
      <c r="N409" s="93"/>
      <c r="O409" s="93"/>
      <c r="P409" s="22"/>
      <c r="Q409" s="22"/>
      <c r="R409" s="22"/>
    </row>
    <row r="410" spans="1:18" x14ac:dyDescent="0.15">
      <c r="A410" s="176"/>
      <c r="B410" s="1"/>
      <c r="C410" s="270"/>
      <c r="D410" s="271"/>
      <c r="E410" s="271"/>
      <c r="F410" s="271"/>
      <c r="G410" s="101"/>
      <c r="H410" s="242"/>
      <c r="I410" s="74" t="s">
        <v>67</v>
      </c>
      <c r="J410" s="75"/>
      <c r="K410" s="76"/>
      <c r="L410" s="93"/>
      <c r="M410" s="93"/>
      <c r="N410" s="93"/>
      <c r="O410" s="93"/>
      <c r="P410" s="22"/>
      <c r="Q410" s="22"/>
      <c r="R410" s="22"/>
    </row>
    <row r="411" spans="1:18" s="144" customFormat="1" ht="57" x14ac:dyDescent="0.15">
      <c r="A411" s="200" t="s">
        <v>392</v>
      </c>
      <c r="B411" s="177"/>
      <c r="C411" s="263" t="s">
        <v>393</v>
      </c>
      <c r="D411" s="264"/>
      <c r="E411" s="264"/>
      <c r="F411" s="264"/>
      <c r="G411" s="264"/>
      <c r="H411" s="265"/>
      <c r="I411" s="134" t="s">
        <v>394</v>
      </c>
      <c r="J411" s="105">
        <v>0</v>
      </c>
      <c r="K411" s="118" t="str">
        <f>IF(OR(COUNTIF(J411,"未確認")&gt;0,COUNTIF(J411,"*")&gt;0),"※","")</f>
        <v/>
      </c>
      <c r="L411" s="93"/>
      <c r="M411" s="93"/>
      <c r="N411" s="93"/>
      <c r="O411" s="93"/>
      <c r="P411" s="22"/>
      <c r="Q411" s="22"/>
      <c r="R411" s="22"/>
    </row>
    <row r="412" spans="1:18" s="144" customFormat="1" ht="42.75" x14ac:dyDescent="0.15">
      <c r="A412" s="200"/>
      <c r="B412" s="177"/>
      <c r="C412" s="263" t="s">
        <v>395</v>
      </c>
      <c r="D412" s="264"/>
      <c r="E412" s="264"/>
      <c r="F412" s="264"/>
      <c r="G412" s="264"/>
      <c r="H412" s="265"/>
      <c r="I412" s="134" t="s">
        <v>396</v>
      </c>
      <c r="J412" s="105">
        <v>0</v>
      </c>
      <c r="K412" s="118" t="str">
        <f>IF(OR(COUNTIF(J412,"未確認")&gt;0,COUNTIF(J412,"*")&gt;0),"※","")</f>
        <v/>
      </c>
      <c r="L412" s="93"/>
      <c r="M412" s="93"/>
      <c r="N412" s="93"/>
      <c r="O412" s="93"/>
      <c r="P412" s="22"/>
      <c r="Q412" s="22"/>
      <c r="R412" s="22"/>
    </row>
    <row r="413" spans="1:18" s="144" customFormat="1" ht="71.25" x14ac:dyDescent="0.15">
      <c r="A413" s="200" t="s">
        <v>397</v>
      </c>
      <c r="B413" s="177"/>
      <c r="C413" s="263" t="s">
        <v>398</v>
      </c>
      <c r="D413" s="296"/>
      <c r="E413" s="296"/>
      <c r="F413" s="296"/>
      <c r="G413" s="296"/>
      <c r="H413" s="297"/>
      <c r="I413" s="134" t="s">
        <v>399</v>
      </c>
      <c r="J413" s="105">
        <v>0</v>
      </c>
      <c r="K413" s="118" t="str">
        <f>IF(OR(COUNTIF(J413,"未確認")&gt;0,COUNTIF(J413,"*")&gt;0),"※","")</f>
        <v/>
      </c>
      <c r="L413" s="93"/>
      <c r="M413" s="93"/>
      <c r="N413" s="93"/>
      <c r="O413" s="93"/>
      <c r="P413" s="22"/>
      <c r="Q413" s="22"/>
      <c r="R413" s="22"/>
    </row>
    <row r="414" spans="1:18" s="84" customFormat="1" x14ac:dyDescent="0.15">
      <c r="A414" s="176"/>
      <c r="B414" s="19"/>
      <c r="C414" s="19"/>
      <c r="D414" s="19"/>
      <c r="E414" s="19"/>
      <c r="F414" s="19"/>
      <c r="G414" s="19"/>
      <c r="H414" s="15"/>
      <c r="I414" s="15"/>
      <c r="J414" s="82"/>
      <c r="K414" s="83"/>
      <c r="L414" s="93"/>
      <c r="M414" s="93"/>
      <c r="N414" s="93"/>
      <c r="O414" s="93"/>
      <c r="P414" s="22"/>
      <c r="Q414" s="22"/>
      <c r="R414" s="22"/>
    </row>
    <row r="415" spans="1:18" s="84" customFormat="1" x14ac:dyDescent="0.15">
      <c r="A415" s="176"/>
      <c r="B415" s="19"/>
      <c r="C415" s="19"/>
      <c r="D415" s="19"/>
      <c r="E415" s="19"/>
      <c r="F415" s="19"/>
      <c r="G415" s="19"/>
      <c r="H415" s="15"/>
      <c r="I415" s="15"/>
      <c r="J415" s="82"/>
      <c r="K415" s="83"/>
      <c r="L415" s="93"/>
      <c r="M415" s="93"/>
      <c r="N415" s="93"/>
      <c r="O415" s="93"/>
      <c r="P415" s="22"/>
      <c r="Q415" s="22"/>
      <c r="R415" s="22"/>
    </row>
    <row r="416" spans="1:18" x14ac:dyDescent="0.15">
      <c r="A416" s="176"/>
      <c r="B416" s="19"/>
      <c r="C416" s="19"/>
      <c r="D416" s="19"/>
      <c r="E416" s="19"/>
      <c r="F416" s="19"/>
      <c r="G416" s="19"/>
      <c r="H416" s="15"/>
      <c r="I416" s="15"/>
      <c r="L416" s="93"/>
      <c r="M416" s="93"/>
      <c r="N416" s="93"/>
      <c r="O416" s="93"/>
      <c r="P416" s="22"/>
      <c r="Q416" s="22"/>
      <c r="R416" s="22"/>
    </row>
    <row r="417" spans="1:18" x14ac:dyDescent="0.15">
      <c r="A417" s="176"/>
      <c r="B417" s="19"/>
      <c r="C417" s="19" t="s">
        <v>400</v>
      </c>
      <c r="D417" s="3"/>
      <c r="F417" s="3"/>
      <c r="G417" s="3"/>
      <c r="H417" s="242"/>
      <c r="I417" s="242"/>
      <c r="J417" s="71" t="s">
        <v>4</v>
      </c>
      <c r="K417" s="72"/>
      <c r="L417" s="93"/>
      <c r="M417" s="93"/>
      <c r="N417" s="93"/>
      <c r="O417" s="93"/>
      <c r="P417" s="22"/>
      <c r="Q417" s="22"/>
      <c r="R417" s="22"/>
    </row>
    <row r="418" spans="1:18" x14ac:dyDescent="0.15">
      <c r="A418" s="176"/>
      <c r="B418" s="1"/>
      <c r="C418" s="298"/>
      <c r="D418" s="298"/>
      <c r="E418" s="298"/>
      <c r="F418" s="298"/>
      <c r="G418" s="101"/>
      <c r="H418" s="242"/>
      <c r="I418" s="74" t="s">
        <v>67</v>
      </c>
      <c r="J418" s="75"/>
      <c r="K418" s="76"/>
      <c r="L418" s="93"/>
      <c r="M418" s="93"/>
      <c r="N418" s="93"/>
      <c r="O418" s="93"/>
      <c r="P418" s="22"/>
      <c r="Q418" s="22"/>
      <c r="R418" s="22"/>
    </row>
    <row r="419" spans="1:18" s="144" customFormat="1" ht="71.25" x14ac:dyDescent="0.15">
      <c r="A419" s="200" t="s">
        <v>401</v>
      </c>
      <c r="B419" s="177"/>
      <c r="C419" s="263" t="s">
        <v>402</v>
      </c>
      <c r="D419" s="264"/>
      <c r="E419" s="264"/>
      <c r="F419" s="264"/>
      <c r="G419" s="264"/>
      <c r="H419" s="265"/>
      <c r="I419" s="134" t="s">
        <v>403</v>
      </c>
      <c r="J419" s="105">
        <v>0</v>
      </c>
      <c r="K419" s="118" t="str">
        <f>IF(OR(COUNTIF(J419,"未確認")&gt;0,COUNTIF(J419,"*")&gt;0),"※","")</f>
        <v/>
      </c>
      <c r="L419" s="93"/>
      <c r="M419" s="93"/>
      <c r="N419" s="93"/>
      <c r="O419" s="93"/>
      <c r="P419" s="22"/>
      <c r="Q419" s="22"/>
      <c r="R419" s="22"/>
    </row>
    <row r="420" spans="1:18" s="84" customFormat="1" x14ac:dyDescent="0.15">
      <c r="A420" s="176"/>
      <c r="B420" s="19"/>
      <c r="C420" s="19"/>
      <c r="D420" s="19"/>
      <c r="E420" s="19"/>
      <c r="F420" s="19"/>
      <c r="G420" s="19"/>
      <c r="H420" s="15"/>
      <c r="I420" s="15"/>
      <c r="J420" s="82"/>
      <c r="K420" s="83"/>
      <c r="L420" s="93"/>
      <c r="M420" s="93"/>
      <c r="N420" s="93"/>
      <c r="O420" s="93"/>
      <c r="P420" s="22"/>
      <c r="Q420" s="22"/>
      <c r="R420" s="22"/>
    </row>
    <row r="421" spans="1:18" s="84" customFormat="1" x14ac:dyDescent="0.15">
      <c r="A421" s="176"/>
      <c r="B421" s="19"/>
      <c r="C421" s="19"/>
      <c r="D421" s="19"/>
      <c r="E421" s="19"/>
      <c r="F421" s="19"/>
      <c r="G421" s="19"/>
      <c r="H421" s="15"/>
      <c r="I421" s="15"/>
      <c r="J421" s="82"/>
      <c r="K421" s="83"/>
      <c r="L421" s="93"/>
      <c r="M421" s="93"/>
      <c r="N421" s="93"/>
      <c r="O421" s="93"/>
      <c r="P421" s="22"/>
      <c r="Q421" s="22"/>
      <c r="R421" s="22"/>
    </row>
    <row r="422" spans="1:18" x14ac:dyDescent="0.15">
      <c r="A422" s="176"/>
      <c r="B422" s="19"/>
      <c r="C422" s="19"/>
      <c r="D422" s="19"/>
      <c r="E422" s="19"/>
      <c r="F422" s="19"/>
      <c r="G422" s="19"/>
      <c r="H422" s="15"/>
      <c r="I422" s="15"/>
      <c r="L422" s="93"/>
      <c r="M422" s="93"/>
      <c r="N422" s="93"/>
      <c r="O422" s="93"/>
      <c r="P422" s="22"/>
      <c r="Q422" s="22"/>
      <c r="R422" s="22"/>
    </row>
    <row r="423" spans="1:18" x14ac:dyDescent="0.15">
      <c r="A423" s="176"/>
      <c r="B423" s="19"/>
      <c r="C423" s="19" t="s">
        <v>404</v>
      </c>
      <c r="D423" s="3"/>
      <c r="F423" s="3"/>
      <c r="G423" s="3"/>
      <c r="H423" s="242"/>
      <c r="I423" s="242"/>
      <c r="J423" s="71" t="s">
        <v>4</v>
      </c>
      <c r="K423" s="72"/>
      <c r="L423" s="93"/>
      <c r="M423" s="93"/>
      <c r="N423" s="93"/>
      <c r="O423" s="93"/>
      <c r="P423" s="22"/>
      <c r="Q423" s="22"/>
      <c r="R423" s="22"/>
    </row>
    <row r="424" spans="1:18" x14ac:dyDescent="0.15">
      <c r="A424" s="176"/>
      <c r="B424" s="1"/>
      <c r="C424" s="298"/>
      <c r="D424" s="299"/>
      <c r="E424" s="299"/>
      <c r="F424" s="299"/>
      <c r="G424" s="101"/>
      <c r="H424" s="242"/>
      <c r="I424" s="74" t="s">
        <v>67</v>
      </c>
      <c r="J424" s="75"/>
      <c r="K424" s="76"/>
      <c r="L424" s="93"/>
      <c r="M424" s="93"/>
      <c r="N424" s="93"/>
      <c r="O424" s="93"/>
      <c r="P424" s="22"/>
      <c r="Q424" s="22"/>
      <c r="R424" s="22"/>
    </row>
    <row r="425" spans="1:18" s="84" customFormat="1" ht="28.5" customHeight="1" x14ac:dyDescent="0.15">
      <c r="A425" s="196" t="s">
        <v>405</v>
      </c>
      <c r="B425" s="177"/>
      <c r="C425" s="259" t="s">
        <v>406</v>
      </c>
      <c r="D425" s="260"/>
      <c r="E425" s="260"/>
      <c r="F425" s="260"/>
      <c r="G425" s="260"/>
      <c r="H425" s="261"/>
      <c r="I425" s="134" t="s">
        <v>407</v>
      </c>
      <c r="J425" s="207">
        <v>0</v>
      </c>
      <c r="K425" s="247" t="s">
        <v>408</v>
      </c>
      <c r="L425" s="86"/>
      <c r="M425" s="219"/>
      <c r="N425" s="93"/>
      <c r="O425" s="93"/>
      <c r="P425" s="22"/>
      <c r="Q425" s="22"/>
      <c r="R425" s="22"/>
    </row>
    <row r="426" spans="1:18" s="84" customFormat="1" x14ac:dyDescent="0.15">
      <c r="A426" s="176"/>
      <c r="B426" s="19"/>
      <c r="C426" s="19"/>
      <c r="D426" s="19"/>
      <c r="E426" s="19"/>
      <c r="F426" s="19"/>
      <c r="G426" s="19"/>
      <c r="H426" s="15"/>
      <c r="I426" s="15"/>
      <c r="J426" s="82"/>
      <c r="K426" s="83"/>
      <c r="L426" s="93"/>
      <c r="M426" s="93"/>
      <c r="N426" s="93"/>
      <c r="O426" s="93"/>
      <c r="P426" s="22"/>
      <c r="Q426" s="22"/>
      <c r="R426" s="22"/>
    </row>
    <row r="427" spans="1:18" s="84" customFormat="1" x14ac:dyDescent="0.15">
      <c r="A427" s="176"/>
      <c r="B427" s="19"/>
      <c r="C427" s="19"/>
      <c r="D427" s="19"/>
      <c r="E427" s="19"/>
      <c r="F427" s="19"/>
      <c r="G427" s="19"/>
      <c r="H427" s="15"/>
      <c r="I427" s="15"/>
      <c r="J427" s="82"/>
      <c r="K427" s="83"/>
      <c r="L427" s="93"/>
      <c r="M427" s="93"/>
      <c r="N427" s="93"/>
      <c r="O427" s="93"/>
      <c r="P427" s="22"/>
      <c r="Q427" s="22"/>
      <c r="R427" s="22"/>
    </row>
    <row r="428" spans="1:18" x14ac:dyDescent="0.15">
      <c r="A428" s="176"/>
      <c r="B428" s="19"/>
      <c r="C428" s="19"/>
      <c r="D428" s="19"/>
      <c r="E428" s="19"/>
      <c r="F428" s="19"/>
      <c r="G428" s="19"/>
      <c r="H428" s="15"/>
      <c r="I428" s="15"/>
      <c r="L428" s="93"/>
      <c r="M428" s="93"/>
      <c r="N428" s="93"/>
      <c r="O428" s="93"/>
      <c r="P428" s="22"/>
      <c r="Q428" s="22"/>
      <c r="R428" s="22"/>
    </row>
    <row r="429" spans="1:18" x14ac:dyDescent="0.15">
      <c r="A429" s="176"/>
      <c r="B429" s="19"/>
      <c r="C429" s="19" t="s">
        <v>409</v>
      </c>
      <c r="D429" s="3"/>
      <c r="F429" s="3"/>
      <c r="G429" s="3"/>
      <c r="H429" s="242"/>
      <c r="I429" s="242"/>
      <c r="J429" s="71" t="s">
        <v>4</v>
      </c>
      <c r="K429" s="72"/>
      <c r="L429" s="93"/>
      <c r="M429" s="93"/>
      <c r="N429" s="93"/>
      <c r="O429" s="93"/>
      <c r="P429" s="22"/>
      <c r="Q429" s="22"/>
      <c r="R429" s="22"/>
    </row>
    <row r="430" spans="1:18" x14ac:dyDescent="0.15">
      <c r="A430" s="176"/>
      <c r="B430" s="1"/>
      <c r="C430" s="270"/>
      <c r="D430" s="271"/>
      <c r="E430" s="271"/>
      <c r="F430" s="271"/>
      <c r="G430" s="101"/>
      <c r="H430" s="242"/>
      <c r="I430" s="74" t="s">
        <v>67</v>
      </c>
      <c r="J430" s="75"/>
      <c r="K430" s="76"/>
      <c r="L430" s="93"/>
      <c r="M430" s="93"/>
      <c r="N430" s="93"/>
      <c r="O430" s="93"/>
      <c r="P430" s="22"/>
      <c r="Q430" s="22"/>
      <c r="R430" s="22"/>
    </row>
    <row r="431" spans="1:18" s="144" customFormat="1" ht="56.1" customHeight="1" x14ac:dyDescent="0.15">
      <c r="A431" s="200" t="s">
        <v>410</v>
      </c>
      <c r="B431" s="177"/>
      <c r="C431" s="259" t="s">
        <v>411</v>
      </c>
      <c r="D431" s="260"/>
      <c r="E431" s="260"/>
      <c r="F431" s="260"/>
      <c r="G431" s="260"/>
      <c r="H431" s="261"/>
      <c r="I431" s="134" t="s">
        <v>412</v>
      </c>
      <c r="J431" s="105">
        <v>0</v>
      </c>
      <c r="K431" s="118" t="str">
        <f t="shared" ref="K431:K437" si="7">IF(OR(COUNTIF(J431,"未確認")&gt;0,COUNTIF(J431,"*")&gt;0),"※","")</f>
        <v/>
      </c>
      <c r="L431" s="93"/>
      <c r="M431" s="93"/>
      <c r="N431" s="93"/>
      <c r="O431" s="93"/>
      <c r="P431" s="22"/>
      <c r="Q431" s="22"/>
      <c r="R431" s="22"/>
    </row>
    <row r="432" spans="1:18" s="144" customFormat="1" ht="69.95" customHeight="1" x14ac:dyDescent="0.15">
      <c r="A432" s="200" t="s">
        <v>413</v>
      </c>
      <c r="B432" s="177"/>
      <c r="C432" s="259" t="s">
        <v>414</v>
      </c>
      <c r="D432" s="266"/>
      <c r="E432" s="266"/>
      <c r="F432" s="266"/>
      <c r="G432" s="266"/>
      <c r="H432" s="267"/>
      <c r="I432" s="134" t="s">
        <v>415</v>
      </c>
      <c r="J432" s="105">
        <v>0</v>
      </c>
      <c r="K432" s="118" t="str">
        <f t="shared" si="7"/>
        <v/>
      </c>
      <c r="L432" s="93"/>
      <c r="M432" s="93"/>
      <c r="N432" s="93"/>
      <c r="O432" s="93"/>
      <c r="P432" s="22"/>
      <c r="Q432" s="22"/>
      <c r="R432" s="22"/>
    </row>
    <row r="433" spans="1:18" s="144" customFormat="1" ht="57" customHeight="1" x14ac:dyDescent="0.15">
      <c r="A433" s="200" t="s">
        <v>416</v>
      </c>
      <c r="B433" s="177"/>
      <c r="C433" s="259" t="s">
        <v>417</v>
      </c>
      <c r="D433" s="266"/>
      <c r="E433" s="266"/>
      <c r="F433" s="266"/>
      <c r="G433" s="266"/>
      <c r="H433" s="267"/>
      <c r="I433" s="251" t="s">
        <v>418</v>
      </c>
      <c r="J433" s="105">
        <v>0</v>
      </c>
      <c r="K433" s="118" t="str">
        <f t="shared" si="7"/>
        <v/>
      </c>
      <c r="L433" s="93"/>
      <c r="M433" s="93"/>
      <c r="N433" s="93"/>
      <c r="O433" s="93"/>
      <c r="P433" s="22"/>
      <c r="Q433" s="22"/>
      <c r="R433" s="22"/>
    </row>
    <row r="434" spans="1:18" s="144" customFormat="1" ht="57" customHeight="1" x14ac:dyDescent="0.15">
      <c r="A434" s="200" t="s">
        <v>419</v>
      </c>
      <c r="B434" s="177"/>
      <c r="C434" s="259" t="s">
        <v>420</v>
      </c>
      <c r="D434" s="266"/>
      <c r="E434" s="266"/>
      <c r="F434" s="266"/>
      <c r="G434" s="266"/>
      <c r="H434" s="267"/>
      <c r="I434" s="294"/>
      <c r="J434" s="105">
        <v>0</v>
      </c>
      <c r="K434" s="118" t="str">
        <f t="shared" si="7"/>
        <v/>
      </c>
      <c r="L434" s="93"/>
      <c r="M434" s="93"/>
      <c r="N434" s="93"/>
      <c r="O434" s="93"/>
      <c r="P434" s="22"/>
      <c r="Q434" s="22"/>
      <c r="R434" s="22"/>
    </row>
    <row r="435" spans="1:18" s="144" customFormat="1" ht="57" customHeight="1" x14ac:dyDescent="0.15">
      <c r="A435" s="200"/>
      <c r="B435" s="177"/>
      <c r="C435" s="259" t="s">
        <v>421</v>
      </c>
      <c r="D435" s="266"/>
      <c r="E435" s="266"/>
      <c r="F435" s="266"/>
      <c r="G435" s="266"/>
      <c r="H435" s="267"/>
      <c r="I435" s="295"/>
      <c r="J435" s="105">
        <v>0</v>
      </c>
      <c r="K435" s="118" t="str">
        <f>IF(OR(COUNTIF(J435,"未確認")&gt;0,COUNTIF(J435,"*")&gt;0),"※","")</f>
        <v/>
      </c>
      <c r="L435" s="93"/>
      <c r="M435" s="93"/>
      <c r="N435" s="93"/>
      <c r="O435" s="93"/>
      <c r="P435" s="22"/>
      <c r="Q435" s="22"/>
      <c r="R435" s="22"/>
    </row>
    <row r="436" spans="1:18" s="144" customFormat="1" ht="69.95" customHeight="1" x14ac:dyDescent="0.15">
      <c r="A436" s="200" t="s">
        <v>422</v>
      </c>
      <c r="B436" s="177"/>
      <c r="C436" s="259" t="s">
        <v>423</v>
      </c>
      <c r="D436" s="266"/>
      <c r="E436" s="266"/>
      <c r="F436" s="266"/>
      <c r="G436" s="266"/>
      <c r="H436" s="267"/>
      <c r="I436" s="134" t="s">
        <v>424</v>
      </c>
      <c r="J436" s="105">
        <v>0</v>
      </c>
      <c r="K436" s="118" t="str">
        <f t="shared" si="7"/>
        <v/>
      </c>
      <c r="L436" s="93"/>
      <c r="M436" s="93"/>
      <c r="N436" s="93"/>
      <c r="O436" s="93"/>
      <c r="P436" s="22"/>
      <c r="Q436" s="22"/>
      <c r="R436" s="22"/>
    </row>
    <row r="437" spans="1:18" s="144" customFormat="1" ht="56.1" customHeight="1" x14ac:dyDescent="0.15">
      <c r="A437" s="200" t="s">
        <v>425</v>
      </c>
      <c r="B437" s="177"/>
      <c r="C437" s="259" t="s">
        <v>426</v>
      </c>
      <c r="D437" s="266"/>
      <c r="E437" s="266"/>
      <c r="F437" s="266"/>
      <c r="G437" s="266"/>
      <c r="H437" s="267"/>
      <c r="I437" s="134" t="s">
        <v>427</v>
      </c>
      <c r="J437" s="105">
        <v>0</v>
      </c>
      <c r="K437" s="118" t="str">
        <f t="shared" si="7"/>
        <v/>
      </c>
      <c r="L437" s="93"/>
      <c r="M437" s="93"/>
      <c r="N437" s="93"/>
      <c r="O437" s="93"/>
      <c r="P437" s="22"/>
      <c r="Q437" s="22"/>
      <c r="R437" s="22"/>
    </row>
    <row r="438" spans="1:18" s="84" customFormat="1" x14ac:dyDescent="0.15">
      <c r="A438" s="176"/>
      <c r="B438" s="19"/>
      <c r="C438" s="19"/>
      <c r="D438" s="19"/>
      <c r="E438" s="19"/>
      <c r="F438" s="19"/>
      <c r="G438" s="19"/>
      <c r="H438" s="15"/>
      <c r="I438" s="15"/>
      <c r="J438" s="82"/>
      <c r="K438" s="83"/>
      <c r="L438" s="93"/>
      <c r="M438" s="93"/>
      <c r="N438" s="93"/>
      <c r="O438" s="93"/>
      <c r="P438" s="22"/>
      <c r="Q438" s="22"/>
      <c r="R438" s="22"/>
    </row>
    <row r="439" spans="1:18" s="81" customFormat="1" x14ac:dyDescent="0.15">
      <c r="A439" s="176"/>
      <c r="B439" s="88"/>
      <c r="C439" s="66"/>
      <c r="D439" s="66"/>
      <c r="E439" s="66"/>
      <c r="F439" s="66"/>
      <c r="G439" s="66"/>
      <c r="H439" s="91"/>
      <c r="I439" s="91"/>
      <c r="J439" s="82"/>
      <c r="K439" s="83"/>
      <c r="L439" s="93"/>
      <c r="M439" s="93"/>
      <c r="N439" s="93"/>
      <c r="O439" s="93"/>
      <c r="P439" s="22"/>
      <c r="Q439" s="22"/>
      <c r="R439" s="22"/>
    </row>
    <row r="440" spans="1:18" s="144" customFormat="1" x14ac:dyDescent="0.15">
      <c r="A440" s="176"/>
      <c r="B440" s="177"/>
      <c r="C440" s="3"/>
      <c r="D440" s="3"/>
      <c r="E440" s="3"/>
      <c r="F440" s="3"/>
      <c r="G440" s="3"/>
      <c r="H440" s="242"/>
      <c r="I440" s="242"/>
      <c r="J440" s="86"/>
      <c r="K440" s="69"/>
      <c r="L440" s="93"/>
      <c r="M440" s="93"/>
      <c r="N440" s="93"/>
      <c r="O440" s="93"/>
      <c r="P440" s="22"/>
      <c r="Q440" s="22"/>
      <c r="R440" s="22"/>
    </row>
    <row r="441" spans="1:18" s="144" customFormat="1" x14ac:dyDescent="0.15">
      <c r="A441" s="176"/>
      <c r="B441" s="19" t="s">
        <v>428</v>
      </c>
      <c r="C441" s="19"/>
      <c r="D441" s="19"/>
      <c r="E441" s="19"/>
      <c r="F441" s="19"/>
      <c r="G441" s="19"/>
      <c r="H441" s="15"/>
      <c r="I441" s="15"/>
      <c r="J441" s="86"/>
      <c r="K441" s="69"/>
      <c r="L441" s="93"/>
      <c r="M441" s="93"/>
      <c r="N441" s="93"/>
      <c r="O441" s="93"/>
      <c r="P441" s="22"/>
      <c r="Q441" s="22"/>
      <c r="R441" s="22"/>
    </row>
    <row r="442" spans="1:18" x14ac:dyDescent="0.15">
      <c r="A442" s="176"/>
      <c r="B442" s="19"/>
      <c r="C442" s="19"/>
      <c r="D442" s="19"/>
      <c r="E442" s="19"/>
      <c r="F442" s="19"/>
      <c r="G442" s="19"/>
      <c r="H442" s="15"/>
      <c r="I442" s="15"/>
      <c r="L442" s="93"/>
      <c r="M442" s="93"/>
      <c r="N442" s="93"/>
      <c r="O442" s="93"/>
      <c r="P442" s="22"/>
      <c r="Q442" s="22"/>
      <c r="R442" s="22"/>
    </row>
    <row r="443" spans="1:18" s="1" customFormat="1" x14ac:dyDescent="0.15">
      <c r="A443" s="176"/>
      <c r="B443" s="19"/>
      <c r="C443" s="3"/>
      <c r="D443" s="3"/>
      <c r="E443" s="3"/>
      <c r="F443" s="3"/>
      <c r="G443" s="3"/>
      <c r="H443" s="242"/>
      <c r="I443" s="242"/>
      <c r="J443" s="71" t="s">
        <v>4</v>
      </c>
      <c r="K443" s="72"/>
      <c r="L443" s="93"/>
      <c r="M443" s="93"/>
      <c r="N443" s="93"/>
      <c r="O443" s="93"/>
      <c r="P443" s="22"/>
      <c r="Q443" s="22"/>
      <c r="R443" s="22"/>
    </row>
    <row r="444" spans="1:18" s="1" customFormat="1" x14ac:dyDescent="0.15">
      <c r="A444" s="176"/>
      <c r="C444" s="66"/>
      <c r="D444" s="3"/>
      <c r="E444" s="3"/>
      <c r="F444" s="3"/>
      <c r="G444" s="3"/>
      <c r="H444" s="242"/>
      <c r="I444" s="74" t="s">
        <v>67</v>
      </c>
      <c r="J444" s="75"/>
      <c r="K444" s="76"/>
      <c r="L444" s="93"/>
      <c r="M444" s="93"/>
      <c r="N444" s="93"/>
      <c r="O444" s="93"/>
      <c r="P444" s="22"/>
      <c r="Q444" s="22"/>
      <c r="R444" s="22"/>
    </row>
    <row r="445" spans="1:18" s="144" customFormat="1" ht="69.95" customHeight="1" x14ac:dyDescent="0.15">
      <c r="A445" s="200" t="s">
        <v>429</v>
      </c>
      <c r="C445" s="257" t="s">
        <v>430</v>
      </c>
      <c r="D445" s="257"/>
      <c r="E445" s="257"/>
      <c r="F445" s="257"/>
      <c r="G445" s="257"/>
      <c r="H445" s="257"/>
      <c r="I445" s="134" t="s">
        <v>431</v>
      </c>
      <c r="J445" s="105">
        <v>0</v>
      </c>
      <c r="K445" s="118" t="str">
        <f t="shared" ref="K445:K457" si="8">IF(OR(COUNTIF(J445,"未確認")&gt;0,COUNTIF(J445,"*")&gt;0),"※","")</f>
        <v/>
      </c>
      <c r="L445" s="93"/>
      <c r="M445" s="93"/>
      <c r="N445" s="93"/>
      <c r="O445" s="93"/>
      <c r="P445" s="22"/>
      <c r="Q445" s="22"/>
      <c r="R445" s="22"/>
    </row>
    <row r="446" spans="1:18" s="144" customFormat="1" ht="69.95" customHeight="1" x14ac:dyDescent="0.15">
      <c r="A446" s="200" t="s">
        <v>432</v>
      </c>
      <c r="B446" s="107"/>
      <c r="C446" s="257" t="s">
        <v>433</v>
      </c>
      <c r="D446" s="258"/>
      <c r="E446" s="258"/>
      <c r="F446" s="258"/>
      <c r="G446" s="258"/>
      <c r="H446" s="258"/>
      <c r="I446" s="134" t="s">
        <v>434</v>
      </c>
      <c r="J446" s="105">
        <v>0</v>
      </c>
      <c r="K446" s="118" t="str">
        <f t="shared" si="8"/>
        <v/>
      </c>
      <c r="L446" s="93"/>
      <c r="M446" s="93"/>
      <c r="N446" s="93"/>
      <c r="O446" s="93"/>
      <c r="P446" s="22"/>
      <c r="Q446" s="22"/>
      <c r="R446" s="22"/>
    </row>
    <row r="447" spans="1:18" s="144" customFormat="1" ht="69.95" customHeight="1" x14ac:dyDescent="0.15">
      <c r="A447" s="200" t="s">
        <v>435</v>
      </c>
      <c r="B447" s="107"/>
      <c r="C447" s="257" t="s">
        <v>436</v>
      </c>
      <c r="D447" s="258"/>
      <c r="E447" s="258"/>
      <c r="F447" s="258"/>
      <c r="G447" s="258"/>
      <c r="H447" s="258"/>
      <c r="I447" s="134" t="s">
        <v>437</v>
      </c>
      <c r="J447" s="105">
        <v>0</v>
      </c>
      <c r="K447" s="118" t="str">
        <f t="shared" si="8"/>
        <v/>
      </c>
      <c r="L447" s="93"/>
      <c r="M447" s="93"/>
      <c r="N447" s="93"/>
      <c r="O447" s="93"/>
      <c r="P447" s="22"/>
      <c r="Q447" s="22"/>
      <c r="R447" s="22"/>
    </row>
    <row r="448" spans="1:18" s="144" customFormat="1" ht="69.95" customHeight="1" x14ac:dyDescent="0.15">
      <c r="A448" s="200" t="s">
        <v>438</v>
      </c>
      <c r="B448" s="107"/>
      <c r="C448" s="257" t="s">
        <v>439</v>
      </c>
      <c r="D448" s="258"/>
      <c r="E448" s="258"/>
      <c r="F448" s="258"/>
      <c r="G448" s="258"/>
      <c r="H448" s="258"/>
      <c r="I448" s="134" t="s">
        <v>440</v>
      </c>
      <c r="J448" s="105">
        <v>0</v>
      </c>
      <c r="K448" s="118" t="str">
        <f t="shared" si="8"/>
        <v/>
      </c>
      <c r="L448" s="93"/>
      <c r="M448" s="93"/>
      <c r="N448" s="93"/>
      <c r="O448" s="93"/>
      <c r="P448" s="22"/>
      <c r="Q448" s="22"/>
      <c r="R448" s="22"/>
    </row>
    <row r="449" spans="1:18" s="144" customFormat="1" ht="69.95" customHeight="1" x14ac:dyDescent="0.15">
      <c r="A449" s="200" t="s">
        <v>441</v>
      </c>
      <c r="B449" s="107"/>
      <c r="C449" s="257" t="s">
        <v>442</v>
      </c>
      <c r="D449" s="258"/>
      <c r="E449" s="258"/>
      <c r="F449" s="258"/>
      <c r="G449" s="258"/>
      <c r="H449" s="258"/>
      <c r="I449" s="134" t="s">
        <v>443</v>
      </c>
      <c r="J449" s="105">
        <v>0</v>
      </c>
      <c r="K449" s="118" t="str">
        <f t="shared" si="8"/>
        <v/>
      </c>
      <c r="L449" s="93"/>
      <c r="M449" s="93"/>
      <c r="N449" s="93"/>
      <c r="O449" s="93"/>
      <c r="P449" s="22"/>
      <c r="Q449" s="22"/>
      <c r="R449" s="22"/>
    </row>
    <row r="450" spans="1:18" s="144" customFormat="1" ht="98.1" customHeight="1" x14ac:dyDescent="0.15">
      <c r="A450" s="200" t="s">
        <v>444</v>
      </c>
      <c r="B450" s="107"/>
      <c r="C450" s="257" t="s">
        <v>445</v>
      </c>
      <c r="D450" s="258"/>
      <c r="E450" s="258"/>
      <c r="F450" s="258"/>
      <c r="G450" s="258"/>
      <c r="H450" s="258"/>
      <c r="I450" s="134" t="s">
        <v>446</v>
      </c>
      <c r="J450" s="105">
        <v>0</v>
      </c>
      <c r="K450" s="118" t="str">
        <f t="shared" si="8"/>
        <v/>
      </c>
      <c r="L450" s="93"/>
      <c r="M450" s="93"/>
      <c r="N450" s="93"/>
      <c r="O450" s="93"/>
      <c r="P450" s="22"/>
      <c r="Q450" s="22"/>
      <c r="R450" s="22"/>
    </row>
    <row r="451" spans="1:18" s="144" customFormat="1" ht="84" customHeight="1" x14ac:dyDescent="0.15">
      <c r="A451" s="200" t="s">
        <v>447</v>
      </c>
      <c r="B451" s="107"/>
      <c r="C451" s="257" t="s">
        <v>448</v>
      </c>
      <c r="D451" s="258"/>
      <c r="E451" s="258"/>
      <c r="F451" s="258"/>
      <c r="G451" s="258"/>
      <c r="H451" s="258"/>
      <c r="I451" s="134" t="s">
        <v>449</v>
      </c>
      <c r="J451" s="105">
        <v>0</v>
      </c>
      <c r="K451" s="118" t="str">
        <f t="shared" si="8"/>
        <v/>
      </c>
      <c r="L451" s="93"/>
      <c r="M451" s="93"/>
      <c r="N451" s="93"/>
      <c r="O451" s="93"/>
      <c r="P451" s="22"/>
      <c r="Q451" s="22"/>
      <c r="R451" s="22"/>
    </row>
    <row r="452" spans="1:18" s="144" customFormat="1" ht="69.95" customHeight="1" x14ac:dyDescent="0.15">
      <c r="A452" s="200" t="s">
        <v>450</v>
      </c>
      <c r="B452" s="107"/>
      <c r="C452" s="257" t="s">
        <v>451</v>
      </c>
      <c r="D452" s="258"/>
      <c r="E452" s="258"/>
      <c r="F452" s="258"/>
      <c r="G452" s="258"/>
      <c r="H452" s="258"/>
      <c r="I452" s="134" t="s">
        <v>452</v>
      </c>
      <c r="J452" s="105">
        <v>0</v>
      </c>
      <c r="K452" s="118" t="str">
        <f t="shared" si="8"/>
        <v/>
      </c>
      <c r="L452" s="93"/>
      <c r="M452" s="93"/>
      <c r="N452" s="93"/>
      <c r="O452" s="93"/>
      <c r="P452" s="22"/>
      <c r="Q452" s="22"/>
      <c r="R452" s="22"/>
    </row>
    <row r="453" spans="1:18" s="144" customFormat="1" ht="69.95" customHeight="1" x14ac:dyDescent="0.15">
      <c r="A453" s="200" t="s">
        <v>453</v>
      </c>
      <c r="B453" s="107"/>
      <c r="C453" s="257" t="s">
        <v>454</v>
      </c>
      <c r="D453" s="272"/>
      <c r="E453" s="272"/>
      <c r="F453" s="272"/>
      <c r="G453" s="272"/>
      <c r="H453" s="272"/>
      <c r="I453" s="110" t="s">
        <v>455</v>
      </c>
      <c r="J453" s="105">
        <v>0</v>
      </c>
      <c r="K453" s="118" t="str">
        <f t="shared" si="8"/>
        <v/>
      </c>
      <c r="L453" s="93"/>
      <c r="M453" s="93"/>
      <c r="N453" s="93"/>
      <c r="O453" s="93"/>
      <c r="P453" s="22"/>
      <c r="Q453" s="22"/>
      <c r="R453" s="22"/>
    </row>
    <row r="454" spans="1:18" s="144" customFormat="1" ht="42.75" x14ac:dyDescent="0.15">
      <c r="A454" s="200" t="s">
        <v>456</v>
      </c>
      <c r="B454" s="107"/>
      <c r="C454" s="257" t="s">
        <v>457</v>
      </c>
      <c r="D454" s="258"/>
      <c r="E454" s="258"/>
      <c r="F454" s="258"/>
      <c r="G454" s="258"/>
      <c r="H454" s="258"/>
      <c r="I454" s="110" t="s">
        <v>458</v>
      </c>
      <c r="J454" s="105">
        <v>0</v>
      </c>
      <c r="K454" s="118" t="str">
        <f t="shared" si="8"/>
        <v/>
      </c>
      <c r="L454" s="93"/>
      <c r="M454" s="93"/>
      <c r="N454" s="93"/>
      <c r="O454" s="93"/>
      <c r="P454" s="22"/>
      <c r="Q454" s="22"/>
      <c r="R454" s="22"/>
    </row>
    <row r="455" spans="1:18" s="144" customFormat="1" ht="69.95" customHeight="1" x14ac:dyDescent="0.15">
      <c r="A455" s="200" t="s">
        <v>459</v>
      </c>
      <c r="B455" s="107"/>
      <c r="C455" s="257" t="s">
        <v>460</v>
      </c>
      <c r="D455" s="258"/>
      <c r="E455" s="258"/>
      <c r="F455" s="258"/>
      <c r="G455" s="258"/>
      <c r="H455" s="258"/>
      <c r="I455" s="110" t="s">
        <v>461</v>
      </c>
      <c r="J455" s="105">
        <v>0</v>
      </c>
      <c r="K455" s="118" t="str">
        <f t="shared" si="8"/>
        <v/>
      </c>
      <c r="L455" s="93"/>
      <c r="M455" s="93"/>
      <c r="N455" s="93"/>
      <c r="O455" s="93"/>
      <c r="P455" s="22"/>
      <c r="Q455" s="22"/>
      <c r="R455" s="22"/>
    </row>
    <row r="456" spans="1:18" s="144" customFormat="1" ht="69.95" customHeight="1" x14ac:dyDescent="0.15">
      <c r="A456" s="200" t="s">
        <v>462</v>
      </c>
      <c r="B456" s="107"/>
      <c r="C456" s="257" t="s">
        <v>463</v>
      </c>
      <c r="D456" s="258"/>
      <c r="E456" s="258"/>
      <c r="F456" s="258"/>
      <c r="G456" s="258"/>
      <c r="H456" s="258"/>
      <c r="I456" s="110" t="s">
        <v>464</v>
      </c>
      <c r="J456" s="105">
        <v>0</v>
      </c>
      <c r="K456" s="118" t="str">
        <f t="shared" si="8"/>
        <v/>
      </c>
      <c r="L456" s="93"/>
      <c r="M456" s="93"/>
      <c r="N456" s="93"/>
      <c r="O456" s="93"/>
      <c r="P456" s="22"/>
      <c r="Q456" s="22"/>
      <c r="R456" s="22"/>
    </row>
    <row r="457" spans="1:18" s="144" customFormat="1" ht="69.95" customHeight="1" x14ac:dyDescent="0.15">
      <c r="A457" s="200" t="s">
        <v>465</v>
      </c>
      <c r="B457" s="107"/>
      <c r="C457" s="257" t="s">
        <v>466</v>
      </c>
      <c r="D457" s="258"/>
      <c r="E457" s="258"/>
      <c r="F457" s="258"/>
      <c r="G457" s="258"/>
      <c r="H457" s="258"/>
      <c r="I457" s="110" t="s">
        <v>467</v>
      </c>
      <c r="J457" s="105">
        <v>0</v>
      </c>
      <c r="K457" s="118" t="str">
        <f t="shared" si="8"/>
        <v/>
      </c>
      <c r="L457" s="93"/>
      <c r="M457" s="93"/>
      <c r="N457" s="93"/>
      <c r="O457" s="93"/>
      <c r="P457" s="22"/>
      <c r="Q457" s="22"/>
      <c r="R457" s="22"/>
    </row>
    <row r="458" spans="1:18" s="84" customFormat="1" ht="17.25" customHeight="1" x14ac:dyDescent="0.15">
      <c r="A458" s="176"/>
      <c r="B458" s="19"/>
      <c r="C458" s="19"/>
      <c r="D458" s="19"/>
      <c r="E458" s="19"/>
      <c r="F458" s="19"/>
      <c r="G458" s="19"/>
      <c r="H458" s="15"/>
      <c r="I458" s="15"/>
      <c r="J458" s="82"/>
      <c r="K458" s="83"/>
      <c r="L458" s="93"/>
      <c r="M458" s="93"/>
      <c r="N458" s="93"/>
      <c r="O458" s="93"/>
      <c r="P458" s="22"/>
      <c r="Q458" s="22"/>
      <c r="R458" s="22"/>
    </row>
    <row r="459" spans="1:18" s="81" customFormat="1" ht="17.25" customHeight="1" x14ac:dyDescent="0.15">
      <c r="A459" s="176"/>
      <c r="B459" s="88"/>
      <c r="C459" s="66"/>
      <c r="D459" s="66"/>
      <c r="E459" s="66"/>
      <c r="F459" s="66"/>
      <c r="G459" s="66"/>
      <c r="H459" s="91"/>
      <c r="I459" s="91"/>
      <c r="J459" s="82"/>
      <c r="K459" s="83"/>
      <c r="L459" s="93"/>
      <c r="M459" s="93"/>
      <c r="N459" s="93"/>
      <c r="O459" s="93"/>
      <c r="P459" s="22"/>
      <c r="Q459" s="22"/>
      <c r="R459" s="22"/>
    </row>
    <row r="460" spans="1:18" s="84" customFormat="1" ht="17.25" customHeight="1" x14ac:dyDescent="0.15">
      <c r="A460" s="176"/>
      <c r="B460" s="107"/>
      <c r="C460" s="3"/>
      <c r="D460" s="3"/>
      <c r="E460" s="3"/>
      <c r="F460" s="3"/>
      <c r="G460" s="3"/>
      <c r="H460" s="242"/>
      <c r="I460" s="242"/>
      <c r="J460" s="86"/>
      <c r="K460" s="69"/>
      <c r="L460" s="93"/>
      <c r="M460" s="93"/>
      <c r="N460" s="93"/>
      <c r="O460" s="93"/>
      <c r="P460" s="22"/>
      <c r="Q460" s="22"/>
      <c r="R460" s="22"/>
    </row>
    <row r="461" spans="1:18" s="84" customFormat="1" ht="17.25" customHeight="1" x14ac:dyDescent="0.15">
      <c r="A461" s="176"/>
      <c r="B461" s="19" t="s">
        <v>468</v>
      </c>
      <c r="C461" s="19"/>
      <c r="D461" s="19"/>
      <c r="E461" s="19"/>
      <c r="F461" s="19"/>
      <c r="G461" s="19"/>
      <c r="H461" s="15"/>
      <c r="I461" s="15"/>
      <c r="J461" s="86"/>
      <c r="K461" s="69"/>
      <c r="L461" s="93"/>
      <c r="M461" s="93"/>
      <c r="N461" s="93"/>
      <c r="O461" s="93"/>
      <c r="P461" s="22"/>
      <c r="Q461" s="22"/>
      <c r="R461" s="22"/>
    </row>
    <row r="462" spans="1:18" x14ac:dyDescent="0.15">
      <c r="A462" s="176"/>
      <c r="B462" s="19"/>
      <c r="C462" s="19"/>
      <c r="D462" s="19"/>
      <c r="E462" s="19"/>
      <c r="F462" s="19"/>
      <c r="G462" s="19"/>
      <c r="H462" s="15"/>
      <c r="I462" s="15"/>
      <c r="L462" s="93"/>
      <c r="M462" s="93"/>
      <c r="N462" s="93"/>
      <c r="O462" s="93"/>
      <c r="P462" s="22"/>
      <c r="Q462" s="22"/>
      <c r="R462" s="22"/>
    </row>
    <row r="463" spans="1:18" s="1" customFormat="1" x14ac:dyDescent="0.15">
      <c r="A463" s="176"/>
      <c r="B463" s="19"/>
      <c r="C463" s="3"/>
      <c r="D463" s="3"/>
      <c r="E463" s="3"/>
      <c r="F463" s="3"/>
      <c r="G463" s="3"/>
      <c r="H463" s="242"/>
      <c r="I463" s="242"/>
      <c r="J463" s="71" t="s">
        <v>4</v>
      </c>
      <c r="K463" s="72"/>
      <c r="L463" s="93"/>
      <c r="M463" s="93"/>
      <c r="N463" s="93"/>
      <c r="O463" s="93"/>
      <c r="P463" s="22"/>
      <c r="Q463" s="22"/>
      <c r="R463" s="22"/>
    </row>
    <row r="464" spans="1:18" s="1" customFormat="1" x14ac:dyDescent="0.15">
      <c r="A464" s="176"/>
      <c r="C464" s="66"/>
      <c r="D464" s="3"/>
      <c r="E464" s="3"/>
      <c r="F464" s="3"/>
      <c r="G464" s="3"/>
      <c r="H464" s="242"/>
      <c r="I464" s="74" t="s">
        <v>67</v>
      </c>
      <c r="J464" s="75"/>
      <c r="K464" s="76"/>
      <c r="L464" s="93"/>
      <c r="M464" s="93"/>
      <c r="N464" s="93"/>
      <c r="O464" s="93"/>
      <c r="P464" s="22"/>
      <c r="Q464" s="22"/>
      <c r="R464" s="22"/>
    </row>
    <row r="465" spans="1:18" s="144" customFormat="1" ht="69.95" customHeight="1" x14ac:dyDescent="0.15">
      <c r="A465" s="200" t="s">
        <v>469</v>
      </c>
      <c r="C465" s="257" t="s">
        <v>470</v>
      </c>
      <c r="D465" s="257"/>
      <c r="E465" s="257"/>
      <c r="F465" s="257"/>
      <c r="G465" s="257"/>
      <c r="H465" s="257"/>
      <c r="I465" s="241" t="s">
        <v>471</v>
      </c>
      <c r="J465" s="105">
        <v>0</v>
      </c>
      <c r="K465" s="118" t="str">
        <f t="shared" ref="K465:K480" si="9">IF(OR(COUNTIF(J465,"未確認")&gt;0,COUNTIF(J465,"*")&gt;0),"※","")</f>
        <v/>
      </c>
      <c r="L465" s="93"/>
      <c r="M465" s="93"/>
      <c r="N465" s="93"/>
      <c r="O465" s="93"/>
      <c r="P465" s="22"/>
      <c r="Q465" s="22"/>
      <c r="R465" s="22"/>
    </row>
    <row r="466" spans="1:18" s="144" customFormat="1" ht="69.95" customHeight="1" x14ac:dyDescent="0.15">
      <c r="A466" s="200" t="s">
        <v>472</v>
      </c>
      <c r="B466" s="88"/>
      <c r="C466" s="257" t="s">
        <v>473</v>
      </c>
      <c r="D466" s="258"/>
      <c r="E466" s="258"/>
      <c r="F466" s="258"/>
      <c r="G466" s="258"/>
      <c r="H466" s="258"/>
      <c r="I466" s="241" t="s">
        <v>474</v>
      </c>
      <c r="J466" s="105">
        <v>0</v>
      </c>
      <c r="K466" s="118" t="str">
        <f t="shared" si="9"/>
        <v/>
      </c>
      <c r="L466" s="93"/>
      <c r="M466" s="93"/>
      <c r="N466" s="93"/>
      <c r="O466" s="93"/>
      <c r="P466" s="22"/>
      <c r="Q466" s="22"/>
      <c r="R466" s="22"/>
    </row>
    <row r="467" spans="1:18" s="144" customFormat="1" ht="84" customHeight="1" x14ac:dyDescent="0.15">
      <c r="A467" s="200" t="s">
        <v>475</v>
      </c>
      <c r="B467" s="88"/>
      <c r="C467" s="257" t="s">
        <v>476</v>
      </c>
      <c r="D467" s="258"/>
      <c r="E467" s="258"/>
      <c r="F467" s="258"/>
      <c r="G467" s="258"/>
      <c r="H467" s="258"/>
      <c r="I467" s="241" t="s">
        <v>477</v>
      </c>
      <c r="J467" s="105">
        <v>0</v>
      </c>
      <c r="K467" s="118" t="str">
        <f t="shared" si="9"/>
        <v/>
      </c>
      <c r="L467" s="93"/>
      <c r="M467" s="93"/>
      <c r="N467" s="93"/>
      <c r="O467" s="93"/>
      <c r="P467" s="22"/>
      <c r="Q467" s="22"/>
      <c r="R467" s="22"/>
    </row>
    <row r="468" spans="1:18" s="144" customFormat="1" ht="56.1" customHeight="1" x14ac:dyDescent="0.15">
      <c r="A468" s="200" t="s">
        <v>478</v>
      </c>
      <c r="B468" s="88"/>
      <c r="C468" s="257" t="s">
        <v>479</v>
      </c>
      <c r="D468" s="258"/>
      <c r="E468" s="258"/>
      <c r="F468" s="258"/>
      <c r="G468" s="258"/>
      <c r="H468" s="258"/>
      <c r="I468" s="243" t="s">
        <v>480</v>
      </c>
      <c r="J468" s="105">
        <v>0</v>
      </c>
      <c r="K468" s="118" t="str">
        <f t="shared" si="9"/>
        <v/>
      </c>
      <c r="L468" s="93"/>
      <c r="M468" s="93"/>
      <c r="N468" s="93"/>
      <c r="O468" s="93"/>
      <c r="P468" s="22"/>
      <c r="Q468" s="22"/>
      <c r="R468" s="22"/>
    </row>
    <row r="469" spans="1:18" s="144" customFormat="1" ht="84" customHeight="1" x14ac:dyDescent="0.15">
      <c r="A469" s="200" t="s">
        <v>481</v>
      </c>
      <c r="B469" s="88"/>
      <c r="C469" s="257" t="s">
        <v>482</v>
      </c>
      <c r="D469" s="258"/>
      <c r="E469" s="258"/>
      <c r="F469" s="258"/>
      <c r="G469" s="258"/>
      <c r="H469" s="258"/>
      <c r="I469" s="241" t="s">
        <v>483</v>
      </c>
      <c r="J469" s="105">
        <v>0</v>
      </c>
      <c r="K469" s="118" t="str">
        <f t="shared" si="9"/>
        <v/>
      </c>
      <c r="L469" s="93"/>
      <c r="M469" s="93"/>
      <c r="N469" s="93"/>
      <c r="O469" s="93"/>
      <c r="P469" s="22"/>
      <c r="Q469" s="22"/>
      <c r="R469" s="22"/>
    </row>
    <row r="470" spans="1:18" s="144" customFormat="1" ht="35.1" customHeight="1" x14ac:dyDescent="0.15">
      <c r="A470" s="196" t="s">
        <v>484</v>
      </c>
      <c r="B470" s="88"/>
      <c r="C470" s="276" t="s">
        <v>485</v>
      </c>
      <c r="D470" s="290"/>
      <c r="E470" s="290"/>
      <c r="F470" s="290"/>
      <c r="G470" s="290"/>
      <c r="H470" s="291"/>
      <c r="I470" s="251" t="s">
        <v>486</v>
      </c>
      <c r="J470" s="209">
        <v>0</v>
      </c>
      <c r="K470" s="118" t="str">
        <f t="shared" si="9"/>
        <v/>
      </c>
      <c r="L470" s="86"/>
      <c r="M470" s="219"/>
      <c r="N470" s="93"/>
      <c r="O470" s="93"/>
      <c r="P470" s="22"/>
      <c r="Q470" s="22"/>
      <c r="R470" s="22"/>
    </row>
    <row r="471" spans="1:18" s="144" customFormat="1" ht="35.1" customHeight="1" x14ac:dyDescent="0.15">
      <c r="A471" s="196" t="s">
        <v>487</v>
      </c>
      <c r="B471" s="88"/>
      <c r="C471" s="237"/>
      <c r="D471" s="238"/>
      <c r="E471" s="257" t="s">
        <v>488</v>
      </c>
      <c r="F471" s="258"/>
      <c r="G471" s="258"/>
      <c r="H471" s="258"/>
      <c r="I471" s="253"/>
      <c r="J471" s="209">
        <v>0</v>
      </c>
      <c r="K471" s="118" t="str">
        <f t="shared" si="9"/>
        <v/>
      </c>
      <c r="L471" s="86"/>
      <c r="M471" s="219"/>
      <c r="N471" s="93"/>
      <c r="O471" s="93"/>
      <c r="P471" s="22"/>
      <c r="Q471" s="22"/>
      <c r="R471" s="22"/>
    </row>
    <row r="472" spans="1:18" s="144" customFormat="1" ht="35.1" customHeight="1" x14ac:dyDescent="0.15">
      <c r="A472" s="196" t="s">
        <v>489</v>
      </c>
      <c r="B472" s="88"/>
      <c r="C472" s="276" t="s">
        <v>490</v>
      </c>
      <c r="D472" s="290"/>
      <c r="E472" s="290"/>
      <c r="F472" s="290"/>
      <c r="G472" s="290"/>
      <c r="H472" s="291"/>
      <c r="I472" s="292" t="s">
        <v>491</v>
      </c>
      <c r="J472" s="209">
        <v>0</v>
      </c>
      <c r="K472" s="118" t="str">
        <f t="shared" si="9"/>
        <v/>
      </c>
      <c r="L472" s="86"/>
      <c r="M472" s="219"/>
      <c r="N472" s="93"/>
      <c r="O472" s="93"/>
      <c r="P472" s="22"/>
      <c r="Q472" s="22"/>
      <c r="R472" s="22"/>
    </row>
    <row r="473" spans="1:18" s="144" customFormat="1" ht="35.1" customHeight="1" x14ac:dyDescent="0.15">
      <c r="A473" s="196" t="s">
        <v>492</v>
      </c>
      <c r="B473" s="88"/>
      <c r="C473" s="237"/>
      <c r="D473" s="238"/>
      <c r="E473" s="257" t="s">
        <v>488</v>
      </c>
      <c r="F473" s="258"/>
      <c r="G473" s="258"/>
      <c r="H473" s="258"/>
      <c r="I473" s="293"/>
      <c r="J473" s="209">
        <v>0</v>
      </c>
      <c r="K473" s="118" t="str">
        <f t="shared" si="9"/>
        <v/>
      </c>
      <c r="L473" s="86"/>
      <c r="M473" s="219"/>
      <c r="N473" s="93"/>
      <c r="O473" s="93"/>
      <c r="P473" s="22"/>
      <c r="Q473" s="22"/>
      <c r="R473" s="22"/>
    </row>
    <row r="474" spans="1:18" s="144" customFormat="1" ht="42" customHeight="1" x14ac:dyDescent="0.15">
      <c r="A474" s="196" t="s">
        <v>493</v>
      </c>
      <c r="B474" s="88"/>
      <c r="C474" s="259" t="s">
        <v>494</v>
      </c>
      <c r="D474" s="268"/>
      <c r="E474" s="268"/>
      <c r="F474" s="268"/>
      <c r="G474" s="268"/>
      <c r="H474" s="269"/>
      <c r="I474" s="134" t="s">
        <v>495</v>
      </c>
      <c r="J474" s="105">
        <v>0</v>
      </c>
      <c r="K474" s="118" t="str">
        <f t="shared" si="9"/>
        <v/>
      </c>
      <c r="L474" s="86"/>
      <c r="M474" s="219"/>
      <c r="N474" s="93"/>
      <c r="O474" s="93"/>
      <c r="P474" s="22"/>
      <c r="Q474" s="22"/>
      <c r="R474" s="22"/>
    </row>
    <row r="475" spans="1:18" s="144" customFormat="1" ht="56.1" customHeight="1" x14ac:dyDescent="0.15">
      <c r="A475" s="200" t="s">
        <v>496</v>
      </c>
      <c r="B475" s="88"/>
      <c r="C475" s="259" t="s">
        <v>497</v>
      </c>
      <c r="D475" s="266"/>
      <c r="E475" s="266"/>
      <c r="F475" s="266"/>
      <c r="G475" s="266"/>
      <c r="H475" s="267"/>
      <c r="I475" s="134" t="s">
        <v>498</v>
      </c>
      <c r="J475" s="105">
        <v>0</v>
      </c>
      <c r="K475" s="118" t="str">
        <f t="shared" si="9"/>
        <v/>
      </c>
      <c r="L475" s="93"/>
      <c r="M475" s="93"/>
      <c r="N475" s="93"/>
      <c r="O475" s="93"/>
      <c r="P475" s="22"/>
      <c r="Q475" s="22"/>
      <c r="R475" s="22"/>
    </row>
    <row r="476" spans="1:18" s="144" customFormat="1" ht="56.1" customHeight="1" x14ac:dyDescent="0.15">
      <c r="A476" s="200" t="s">
        <v>499</v>
      </c>
      <c r="B476" s="88"/>
      <c r="C476" s="259" t="s">
        <v>500</v>
      </c>
      <c r="D476" s="266"/>
      <c r="E476" s="266"/>
      <c r="F476" s="266"/>
      <c r="G476" s="266"/>
      <c r="H476" s="267"/>
      <c r="I476" s="134" t="s">
        <v>501</v>
      </c>
      <c r="J476" s="105">
        <v>0</v>
      </c>
      <c r="K476" s="118" t="str">
        <f t="shared" si="9"/>
        <v/>
      </c>
      <c r="L476" s="93"/>
      <c r="M476" s="93"/>
      <c r="N476" s="93"/>
      <c r="O476" s="93"/>
      <c r="P476" s="22"/>
      <c r="Q476" s="22"/>
      <c r="R476" s="22"/>
    </row>
    <row r="477" spans="1:18" s="84" customFormat="1" ht="56.1" customHeight="1" x14ac:dyDescent="0.15">
      <c r="A477" s="200" t="s">
        <v>502</v>
      </c>
      <c r="B477" s="88"/>
      <c r="C477" s="259" t="s">
        <v>503</v>
      </c>
      <c r="D477" s="266"/>
      <c r="E477" s="266"/>
      <c r="F477" s="266"/>
      <c r="G477" s="266"/>
      <c r="H477" s="267"/>
      <c r="I477" s="134" t="s">
        <v>504</v>
      </c>
      <c r="J477" s="105">
        <v>0</v>
      </c>
      <c r="K477" s="118" t="str">
        <f t="shared" si="9"/>
        <v/>
      </c>
      <c r="L477" s="93"/>
      <c r="M477" s="93"/>
      <c r="N477" s="93"/>
      <c r="O477" s="93"/>
      <c r="P477" s="22"/>
      <c r="Q477" s="22"/>
      <c r="R477" s="22"/>
    </row>
    <row r="478" spans="1:18" s="84" customFormat="1" ht="56.1" customHeight="1" x14ac:dyDescent="0.15">
      <c r="A478" s="200" t="s">
        <v>505</v>
      </c>
      <c r="B478" s="88"/>
      <c r="C478" s="259" t="s">
        <v>506</v>
      </c>
      <c r="D478" s="266"/>
      <c r="E478" s="266"/>
      <c r="F478" s="266"/>
      <c r="G478" s="266"/>
      <c r="H478" s="267"/>
      <c r="I478" s="134" t="s">
        <v>507</v>
      </c>
      <c r="J478" s="105">
        <v>0</v>
      </c>
      <c r="K478" s="118" t="str">
        <f t="shared" si="9"/>
        <v/>
      </c>
      <c r="L478" s="93"/>
      <c r="M478" s="93"/>
      <c r="N478" s="93"/>
      <c r="O478" s="93"/>
      <c r="P478" s="22"/>
      <c r="Q478" s="22"/>
      <c r="R478" s="22"/>
    </row>
    <row r="479" spans="1:18" s="84" customFormat="1" ht="42" customHeight="1" x14ac:dyDescent="0.15">
      <c r="A479" s="200" t="s">
        <v>508</v>
      </c>
      <c r="B479" s="88"/>
      <c r="C479" s="259" t="s">
        <v>509</v>
      </c>
      <c r="D479" s="266"/>
      <c r="E479" s="266"/>
      <c r="F479" s="266"/>
      <c r="G479" s="266"/>
      <c r="H479" s="267"/>
      <c r="I479" s="180" t="s">
        <v>510</v>
      </c>
      <c r="J479" s="105">
        <v>0</v>
      </c>
      <c r="K479" s="118" t="str">
        <f t="shared" si="9"/>
        <v/>
      </c>
      <c r="L479" s="93"/>
      <c r="M479" s="93"/>
      <c r="N479" s="93"/>
      <c r="O479" s="93"/>
      <c r="P479" s="22"/>
      <c r="Q479" s="22"/>
      <c r="R479" s="22"/>
    </row>
    <row r="480" spans="1:18" s="84" customFormat="1" ht="56.1" customHeight="1" x14ac:dyDescent="0.15">
      <c r="A480" s="200" t="s">
        <v>511</v>
      </c>
      <c r="B480" s="88"/>
      <c r="C480" s="259" t="s">
        <v>512</v>
      </c>
      <c r="D480" s="266"/>
      <c r="E480" s="266"/>
      <c r="F480" s="266"/>
      <c r="G480" s="266"/>
      <c r="H480" s="267"/>
      <c r="I480" s="134" t="s">
        <v>513</v>
      </c>
      <c r="J480" s="105">
        <v>0</v>
      </c>
      <c r="K480" s="118" t="str">
        <f t="shared" si="9"/>
        <v/>
      </c>
      <c r="L480" s="93"/>
      <c r="M480" s="93"/>
      <c r="N480" s="93"/>
      <c r="O480" s="93"/>
      <c r="P480" s="22"/>
      <c r="Q480" s="22"/>
      <c r="R480" s="22"/>
    </row>
    <row r="481" spans="1:18" s="84" customFormat="1" x14ac:dyDescent="0.15">
      <c r="A481" s="176"/>
      <c r="B481" s="19"/>
      <c r="C481" s="19"/>
      <c r="D481" s="19"/>
      <c r="E481" s="19"/>
      <c r="F481" s="19"/>
      <c r="G481" s="19"/>
      <c r="H481" s="15"/>
      <c r="I481" s="15"/>
      <c r="J481" s="82"/>
      <c r="K481" s="83"/>
      <c r="L481" s="93"/>
      <c r="M481" s="93"/>
      <c r="N481" s="93"/>
      <c r="O481" s="93"/>
      <c r="P481" s="22"/>
      <c r="Q481" s="22"/>
      <c r="R481" s="22"/>
    </row>
    <row r="482" spans="1:18" s="81" customFormat="1" x14ac:dyDescent="0.15">
      <c r="A482" s="176"/>
      <c r="B482" s="88"/>
      <c r="C482" s="66"/>
      <c r="D482" s="66"/>
      <c r="E482" s="66"/>
      <c r="F482" s="66"/>
      <c r="G482" s="66"/>
      <c r="H482" s="91"/>
      <c r="I482" s="91"/>
      <c r="J482" s="82"/>
      <c r="K482" s="83"/>
      <c r="L482" s="93"/>
      <c r="M482" s="93"/>
      <c r="N482" s="93"/>
      <c r="O482" s="93"/>
      <c r="P482" s="22"/>
      <c r="Q482" s="22"/>
      <c r="R482" s="22"/>
    </row>
    <row r="483" spans="1:18" s="84" customFormat="1" x14ac:dyDescent="0.15">
      <c r="A483" s="176"/>
      <c r="B483" s="88"/>
      <c r="C483" s="3"/>
      <c r="D483" s="3"/>
      <c r="E483" s="108"/>
      <c r="F483" s="108"/>
      <c r="G483" s="108"/>
      <c r="H483" s="109"/>
      <c r="I483" s="109"/>
      <c r="J483" s="82"/>
      <c r="K483" s="83"/>
      <c r="L483" s="93"/>
      <c r="M483" s="93"/>
      <c r="N483" s="93"/>
      <c r="O483" s="93"/>
      <c r="P483" s="22"/>
      <c r="Q483" s="22"/>
      <c r="R483" s="22"/>
    </row>
    <row r="484" spans="1:18" s="84" customFormat="1" x14ac:dyDescent="0.15">
      <c r="A484" s="176"/>
      <c r="B484" s="19" t="s">
        <v>514</v>
      </c>
      <c r="C484" s="101"/>
      <c r="D484" s="101"/>
      <c r="E484" s="101"/>
      <c r="F484" s="101"/>
      <c r="G484" s="101"/>
      <c r="H484" s="15"/>
      <c r="I484" s="15"/>
      <c r="J484" s="82"/>
      <c r="K484" s="83"/>
      <c r="L484" s="93"/>
      <c r="M484" s="93"/>
      <c r="N484" s="93"/>
      <c r="O484" s="93"/>
      <c r="P484" s="22"/>
      <c r="Q484" s="22"/>
      <c r="R484" s="22"/>
    </row>
    <row r="485" spans="1:18" x14ac:dyDescent="0.15">
      <c r="A485" s="176"/>
      <c r="B485" s="19"/>
      <c r="C485" s="19"/>
      <c r="D485" s="19"/>
      <c r="E485" s="19"/>
      <c r="F485" s="19"/>
      <c r="G485" s="19"/>
      <c r="H485" s="15"/>
      <c r="I485" s="15"/>
      <c r="L485" s="93"/>
      <c r="M485" s="93"/>
      <c r="N485" s="93"/>
      <c r="O485" s="93"/>
      <c r="P485" s="22"/>
      <c r="Q485" s="22"/>
      <c r="R485" s="22"/>
    </row>
    <row r="486" spans="1:18" x14ac:dyDescent="0.15">
      <c r="A486" s="176"/>
      <c r="B486" s="19"/>
      <c r="C486" s="3"/>
      <c r="D486" s="3"/>
      <c r="F486" s="3"/>
      <c r="G486" s="3"/>
      <c r="H486" s="242"/>
      <c r="I486" s="242"/>
      <c r="J486" s="71" t="s">
        <v>4</v>
      </c>
      <c r="K486" s="72"/>
      <c r="L486" s="93"/>
      <c r="M486" s="93"/>
      <c r="N486" s="93"/>
      <c r="O486" s="93"/>
      <c r="P486" s="22"/>
      <c r="Q486" s="22"/>
      <c r="R486" s="22"/>
    </row>
    <row r="487" spans="1:18" x14ac:dyDescent="0.15">
      <c r="A487" s="176"/>
      <c r="B487" s="1"/>
      <c r="C487" s="66"/>
      <c r="D487" s="3"/>
      <c r="F487" s="3"/>
      <c r="G487" s="3"/>
      <c r="H487" s="242"/>
      <c r="I487" s="74" t="s">
        <v>67</v>
      </c>
      <c r="J487" s="75"/>
      <c r="K487" s="76"/>
      <c r="L487" s="93"/>
      <c r="M487" s="93"/>
      <c r="N487" s="93"/>
      <c r="O487" s="93"/>
      <c r="P487" s="22"/>
      <c r="Q487" s="22"/>
      <c r="R487" s="22"/>
    </row>
    <row r="488" spans="1:18" s="137" customFormat="1" ht="71.25" customHeight="1" x14ac:dyDescent="0.15">
      <c r="A488" s="200" t="s">
        <v>515</v>
      </c>
      <c r="B488" s="144"/>
      <c r="C488" s="257" t="s">
        <v>516</v>
      </c>
      <c r="D488" s="257"/>
      <c r="E488" s="257"/>
      <c r="F488" s="257"/>
      <c r="G488" s="257"/>
      <c r="H488" s="257"/>
      <c r="I488" s="287" t="s">
        <v>517</v>
      </c>
      <c r="J488" s="105">
        <v>0</v>
      </c>
      <c r="K488" s="118" t="str">
        <f t="shared" ref="K488:K498" si="10">IF(OR(COUNTIF(J488,"未確認")&gt;0,COUNTIF(J488,"*")&gt;0),"※","")</f>
        <v/>
      </c>
      <c r="L488" s="86"/>
      <c r="M488" s="220"/>
      <c r="N488" s="93"/>
      <c r="O488" s="93"/>
      <c r="P488" s="22"/>
      <c r="Q488" s="22"/>
      <c r="R488" s="22"/>
    </row>
    <row r="489" spans="1:18" s="137" customFormat="1" ht="71.25" customHeight="1" x14ac:dyDescent="0.15">
      <c r="A489" s="200" t="s">
        <v>518</v>
      </c>
      <c r="B489" s="144"/>
      <c r="C489" s="257" t="s">
        <v>519</v>
      </c>
      <c r="D489" s="257"/>
      <c r="E489" s="257"/>
      <c r="F489" s="257"/>
      <c r="G489" s="257"/>
      <c r="H489" s="257"/>
      <c r="I489" s="288"/>
      <c r="J489" s="105">
        <v>0</v>
      </c>
      <c r="K489" s="118" t="str">
        <f t="shared" si="10"/>
        <v/>
      </c>
      <c r="L489" s="86"/>
      <c r="M489" s="220"/>
      <c r="N489" s="93"/>
      <c r="O489" s="93"/>
      <c r="P489" s="22"/>
      <c r="Q489" s="22"/>
      <c r="R489" s="22"/>
    </row>
    <row r="490" spans="1:18" s="137" customFormat="1" ht="71.25" customHeight="1" x14ac:dyDescent="0.15">
      <c r="A490" s="200" t="s">
        <v>520</v>
      </c>
      <c r="B490" s="144"/>
      <c r="C490" s="257" t="s">
        <v>521</v>
      </c>
      <c r="D490" s="257"/>
      <c r="E490" s="257"/>
      <c r="F490" s="257"/>
      <c r="G490" s="257"/>
      <c r="H490" s="257"/>
      <c r="I490" s="289"/>
      <c r="J490" s="105">
        <v>0</v>
      </c>
      <c r="K490" s="118" t="str">
        <f t="shared" si="10"/>
        <v/>
      </c>
      <c r="L490" s="93"/>
      <c r="M490" s="93"/>
      <c r="N490" s="93"/>
      <c r="O490" s="93"/>
      <c r="P490" s="22"/>
      <c r="Q490" s="22"/>
      <c r="R490" s="22"/>
    </row>
    <row r="491" spans="1:18" s="137" customFormat="1" ht="56.1" customHeight="1" x14ac:dyDescent="0.15">
      <c r="A491" s="200" t="s">
        <v>522</v>
      </c>
      <c r="B491" s="144"/>
      <c r="C491" s="257" t="s">
        <v>523</v>
      </c>
      <c r="D491" s="257"/>
      <c r="E491" s="257"/>
      <c r="F491" s="257"/>
      <c r="G491" s="257"/>
      <c r="H491" s="257"/>
      <c r="I491" s="245" t="s">
        <v>524</v>
      </c>
      <c r="J491" s="105">
        <v>0</v>
      </c>
      <c r="K491" s="118" t="str">
        <f t="shared" si="10"/>
        <v/>
      </c>
      <c r="L491" s="93"/>
      <c r="M491" s="93"/>
      <c r="N491" s="93"/>
      <c r="O491" s="93"/>
      <c r="P491" s="22"/>
      <c r="Q491" s="22"/>
      <c r="R491" s="22"/>
    </row>
    <row r="492" spans="1:18" s="137" customFormat="1" ht="84" customHeight="1" x14ac:dyDescent="0.15">
      <c r="A492" s="200" t="s">
        <v>525</v>
      </c>
      <c r="B492" s="144"/>
      <c r="C492" s="257" t="s">
        <v>526</v>
      </c>
      <c r="D492" s="257"/>
      <c r="E492" s="257"/>
      <c r="F492" s="257"/>
      <c r="G492" s="257"/>
      <c r="H492" s="257"/>
      <c r="I492" s="134" t="s">
        <v>527</v>
      </c>
      <c r="J492" s="105">
        <v>0</v>
      </c>
      <c r="K492" s="118" t="str">
        <f t="shared" si="10"/>
        <v/>
      </c>
      <c r="L492" s="93"/>
      <c r="M492" s="93"/>
      <c r="N492" s="93"/>
      <c r="O492" s="93"/>
      <c r="P492" s="22"/>
      <c r="Q492" s="22"/>
      <c r="R492" s="22"/>
    </row>
    <row r="493" spans="1:18" s="137" customFormat="1" ht="98.1" customHeight="1" x14ac:dyDescent="0.15">
      <c r="A493" s="200" t="s">
        <v>528</v>
      </c>
      <c r="B493" s="144"/>
      <c r="C493" s="257" t="s">
        <v>529</v>
      </c>
      <c r="D493" s="257"/>
      <c r="E493" s="257"/>
      <c r="F493" s="257"/>
      <c r="G493" s="257"/>
      <c r="H493" s="257"/>
      <c r="I493" s="110" t="s">
        <v>530</v>
      </c>
      <c r="J493" s="105">
        <v>0</v>
      </c>
      <c r="K493" s="118" t="str">
        <f t="shared" si="10"/>
        <v/>
      </c>
      <c r="L493" s="93"/>
      <c r="M493" s="93"/>
      <c r="N493" s="93"/>
      <c r="O493" s="93"/>
      <c r="P493" s="22"/>
      <c r="Q493" s="22"/>
      <c r="R493" s="22"/>
    </row>
    <row r="494" spans="1:18" s="137" customFormat="1" ht="69.95" customHeight="1" x14ac:dyDescent="0.15">
      <c r="A494" s="200" t="s">
        <v>531</v>
      </c>
      <c r="B494" s="107"/>
      <c r="C494" s="257" t="s">
        <v>532</v>
      </c>
      <c r="D494" s="272"/>
      <c r="E494" s="272"/>
      <c r="F494" s="272"/>
      <c r="G494" s="272"/>
      <c r="H494" s="272"/>
      <c r="I494" s="134" t="s">
        <v>533</v>
      </c>
      <c r="J494" s="105">
        <v>0</v>
      </c>
      <c r="K494" s="118" t="str">
        <f t="shared" si="10"/>
        <v/>
      </c>
      <c r="L494" s="93"/>
      <c r="M494" s="93"/>
      <c r="N494" s="93"/>
      <c r="O494" s="93"/>
      <c r="P494" s="22"/>
      <c r="Q494" s="22"/>
      <c r="R494" s="22"/>
    </row>
    <row r="495" spans="1:18" s="137" customFormat="1" ht="98.1" customHeight="1" x14ac:dyDescent="0.15">
      <c r="A495" s="200" t="s">
        <v>534</v>
      </c>
      <c r="B495" s="107"/>
      <c r="C495" s="257" t="s">
        <v>535</v>
      </c>
      <c r="D495" s="258"/>
      <c r="E495" s="258"/>
      <c r="F495" s="258"/>
      <c r="G495" s="258"/>
      <c r="H495" s="258"/>
      <c r="I495" s="134" t="s">
        <v>536</v>
      </c>
      <c r="J495" s="105">
        <v>0</v>
      </c>
      <c r="K495" s="118" t="str">
        <f t="shared" si="10"/>
        <v/>
      </c>
      <c r="L495" s="93"/>
      <c r="M495" s="93"/>
      <c r="N495" s="93"/>
      <c r="O495" s="93"/>
      <c r="P495" s="22"/>
      <c r="Q495" s="22"/>
      <c r="R495" s="22"/>
    </row>
    <row r="496" spans="1:18" s="137" customFormat="1" ht="84" customHeight="1" x14ac:dyDescent="0.15">
      <c r="A496" s="200" t="s">
        <v>537</v>
      </c>
      <c r="B496" s="107"/>
      <c r="C496" s="257" t="s">
        <v>538</v>
      </c>
      <c r="D496" s="272"/>
      <c r="E496" s="272"/>
      <c r="F496" s="272"/>
      <c r="G496" s="272"/>
      <c r="H496" s="272"/>
      <c r="I496" s="134" t="s">
        <v>539</v>
      </c>
      <c r="J496" s="105">
        <v>0</v>
      </c>
      <c r="K496" s="118" t="str">
        <f t="shared" si="10"/>
        <v/>
      </c>
      <c r="L496" s="86"/>
      <c r="M496" s="220"/>
      <c r="N496" s="93"/>
      <c r="O496" s="93"/>
      <c r="P496" s="22"/>
      <c r="Q496" s="22"/>
      <c r="R496" s="22"/>
    </row>
    <row r="497" spans="1:18" s="137" customFormat="1" ht="69.95" customHeight="1" x14ac:dyDescent="0.15">
      <c r="A497" s="200" t="s">
        <v>540</v>
      </c>
      <c r="B497" s="107"/>
      <c r="C497" s="257" t="s">
        <v>541</v>
      </c>
      <c r="D497" s="258"/>
      <c r="E497" s="258"/>
      <c r="F497" s="258"/>
      <c r="G497" s="258"/>
      <c r="H497" s="258"/>
      <c r="I497" s="134" t="s">
        <v>542</v>
      </c>
      <c r="J497" s="105">
        <v>0</v>
      </c>
      <c r="K497" s="118" t="str">
        <f t="shared" si="10"/>
        <v/>
      </c>
      <c r="L497" s="93"/>
      <c r="M497" s="93"/>
      <c r="N497" s="93"/>
      <c r="O497" s="93"/>
      <c r="P497" s="22"/>
      <c r="Q497" s="22"/>
      <c r="R497" s="22"/>
    </row>
    <row r="498" spans="1:18" s="137" customFormat="1" ht="84" customHeight="1" x14ac:dyDescent="0.15">
      <c r="A498" s="200" t="s">
        <v>543</v>
      </c>
      <c r="B498" s="107"/>
      <c r="C498" s="257" t="s">
        <v>544</v>
      </c>
      <c r="D498" s="258"/>
      <c r="E498" s="258"/>
      <c r="F498" s="258"/>
      <c r="G498" s="258"/>
      <c r="H498" s="258"/>
      <c r="I498" s="134" t="s">
        <v>545</v>
      </c>
      <c r="J498" s="105">
        <v>0</v>
      </c>
      <c r="K498" s="118" t="str">
        <f t="shared" si="10"/>
        <v/>
      </c>
      <c r="L498" s="93"/>
      <c r="M498" s="93"/>
      <c r="N498" s="93"/>
      <c r="O498" s="93"/>
      <c r="P498" s="22"/>
      <c r="Q498" s="22"/>
      <c r="R498" s="22"/>
    </row>
    <row r="499" spans="1:18" s="84" customFormat="1" x14ac:dyDescent="0.15">
      <c r="A499" s="176"/>
      <c r="B499" s="19"/>
      <c r="C499" s="19"/>
      <c r="D499" s="19"/>
      <c r="E499" s="19"/>
      <c r="F499" s="19"/>
      <c r="G499" s="19"/>
      <c r="H499" s="15"/>
      <c r="I499" s="15"/>
      <c r="J499" s="82"/>
      <c r="K499" s="83"/>
      <c r="L499" s="93"/>
      <c r="M499" s="93"/>
      <c r="N499" s="93"/>
      <c r="O499" s="93"/>
      <c r="P499" s="22"/>
      <c r="Q499" s="22"/>
      <c r="R499" s="22"/>
    </row>
    <row r="500" spans="1:18" s="81" customFormat="1" x14ac:dyDescent="0.15">
      <c r="A500" s="176"/>
      <c r="B500" s="88"/>
      <c r="C500" s="66"/>
      <c r="D500" s="66"/>
      <c r="E500" s="66"/>
      <c r="F500" s="66"/>
      <c r="G500" s="66"/>
      <c r="H500" s="91"/>
      <c r="I500" s="91"/>
      <c r="J500" s="82"/>
      <c r="K500" s="83"/>
      <c r="L500" s="93"/>
      <c r="M500" s="93"/>
      <c r="N500" s="93"/>
      <c r="O500" s="93"/>
      <c r="P500" s="22"/>
      <c r="Q500" s="22"/>
      <c r="R500" s="22"/>
    </row>
    <row r="501" spans="1:18" s="144" customFormat="1" x14ac:dyDescent="0.15">
      <c r="A501" s="176"/>
      <c r="B501" s="107"/>
      <c r="C501" s="3"/>
      <c r="D501" s="3"/>
      <c r="E501" s="3"/>
      <c r="F501" s="3"/>
      <c r="G501" s="3"/>
      <c r="H501" s="242"/>
      <c r="I501" s="242"/>
      <c r="J501" s="86"/>
      <c r="K501" s="69"/>
      <c r="L501" s="93"/>
      <c r="M501" s="93"/>
      <c r="N501" s="93"/>
      <c r="O501" s="93"/>
      <c r="P501" s="22"/>
      <c r="Q501" s="22"/>
      <c r="R501" s="22"/>
    </row>
    <row r="502" spans="1:18" s="144" customFormat="1" x14ac:dyDescent="0.15">
      <c r="A502" s="176"/>
      <c r="B502" s="19" t="s">
        <v>546</v>
      </c>
      <c r="C502" s="3"/>
      <c r="D502" s="3"/>
      <c r="E502" s="3"/>
      <c r="F502" s="3"/>
      <c r="G502" s="3"/>
      <c r="H502" s="242"/>
      <c r="I502" s="242"/>
      <c r="J502" s="86"/>
      <c r="K502" s="69"/>
      <c r="L502" s="93"/>
      <c r="M502" s="93"/>
      <c r="N502" s="93"/>
      <c r="O502" s="93"/>
      <c r="P502" s="22"/>
      <c r="Q502" s="22"/>
      <c r="R502" s="22"/>
    </row>
    <row r="503" spans="1:18" x14ac:dyDescent="0.15">
      <c r="A503" s="176"/>
      <c r="B503" s="19"/>
      <c r="C503" s="19"/>
      <c r="D503" s="19"/>
      <c r="E503" s="19"/>
      <c r="F503" s="19"/>
      <c r="G503" s="19"/>
      <c r="H503" s="15"/>
      <c r="I503" s="15"/>
      <c r="L503" s="93"/>
      <c r="M503" s="93"/>
      <c r="N503" s="93"/>
      <c r="O503" s="93"/>
      <c r="P503" s="22"/>
      <c r="Q503" s="22"/>
      <c r="R503" s="22"/>
    </row>
    <row r="504" spans="1:18" x14ac:dyDescent="0.15">
      <c r="A504" s="176"/>
      <c r="B504" s="19"/>
      <c r="C504" s="3"/>
      <c r="D504" s="3"/>
      <c r="F504" s="3"/>
      <c r="G504" s="3"/>
      <c r="H504" s="242"/>
      <c r="I504" s="242"/>
      <c r="J504" s="71" t="s">
        <v>4</v>
      </c>
      <c r="K504" s="72"/>
      <c r="L504" s="93"/>
      <c r="M504" s="93"/>
      <c r="N504" s="93"/>
      <c r="O504" s="93"/>
      <c r="P504" s="22"/>
      <c r="Q504" s="22"/>
      <c r="R504" s="22"/>
    </row>
    <row r="505" spans="1:18" x14ac:dyDescent="0.15">
      <c r="A505" s="176"/>
      <c r="B505" s="1"/>
      <c r="C505" s="66"/>
      <c r="D505" s="3"/>
      <c r="F505" s="3"/>
      <c r="G505" s="3"/>
      <c r="H505" s="242"/>
      <c r="I505" s="74" t="s">
        <v>67</v>
      </c>
      <c r="J505" s="75"/>
      <c r="K505" s="76"/>
      <c r="L505" s="93"/>
      <c r="M505" s="93"/>
      <c r="N505" s="93"/>
      <c r="O505" s="93"/>
      <c r="P505" s="22"/>
      <c r="Q505" s="22"/>
      <c r="R505" s="22"/>
    </row>
    <row r="506" spans="1:18" s="137" customFormat="1" ht="69.95" customHeight="1" x14ac:dyDescent="0.15">
      <c r="A506" s="200" t="s">
        <v>547</v>
      </c>
      <c r="B506" s="144"/>
      <c r="C506" s="259" t="s">
        <v>548</v>
      </c>
      <c r="D506" s="260"/>
      <c r="E506" s="260"/>
      <c r="F506" s="260"/>
      <c r="G506" s="260"/>
      <c r="H506" s="261"/>
      <c r="I506" s="134" t="s">
        <v>549</v>
      </c>
      <c r="J506" s="105">
        <v>0</v>
      </c>
      <c r="K506" s="118" t="str">
        <f t="shared" ref="K506:K513" si="11">IF(OR(COUNTIF(J506,"未確認")&gt;0,COUNTIF(J506,"*")&gt;0),"※","")</f>
        <v/>
      </c>
      <c r="L506" s="93"/>
      <c r="M506" s="93"/>
      <c r="N506" s="93"/>
      <c r="O506" s="93"/>
      <c r="P506" s="22"/>
      <c r="Q506" s="22"/>
      <c r="R506" s="22"/>
    </row>
    <row r="507" spans="1:18" s="137" customFormat="1" ht="56.1" customHeight="1" x14ac:dyDescent="0.15">
      <c r="A507" s="200" t="s">
        <v>550</v>
      </c>
      <c r="B507" s="107"/>
      <c r="C507" s="259" t="s">
        <v>551</v>
      </c>
      <c r="D507" s="266"/>
      <c r="E507" s="266"/>
      <c r="F507" s="266"/>
      <c r="G507" s="266"/>
      <c r="H507" s="267"/>
      <c r="I507" s="134" t="s">
        <v>552</v>
      </c>
      <c r="J507" s="105">
        <v>0</v>
      </c>
      <c r="K507" s="118" t="str">
        <f t="shared" si="11"/>
        <v/>
      </c>
      <c r="L507" s="93"/>
      <c r="M507" s="93"/>
      <c r="N507" s="93"/>
      <c r="O507" s="93"/>
      <c r="P507" s="22"/>
      <c r="Q507" s="22"/>
      <c r="R507" s="22"/>
    </row>
    <row r="508" spans="1:18" s="137" customFormat="1" ht="57" x14ac:dyDescent="0.15">
      <c r="A508" s="200" t="s">
        <v>553</v>
      </c>
      <c r="B508" s="107"/>
      <c r="C508" s="259" t="s">
        <v>554</v>
      </c>
      <c r="D508" s="266"/>
      <c r="E508" s="266"/>
      <c r="F508" s="266"/>
      <c r="G508" s="266"/>
      <c r="H508" s="267"/>
      <c r="I508" s="134" t="s">
        <v>555</v>
      </c>
      <c r="J508" s="105">
        <v>0</v>
      </c>
      <c r="K508" s="118" t="str">
        <f t="shared" si="11"/>
        <v/>
      </c>
      <c r="L508" s="93"/>
      <c r="M508" s="93"/>
      <c r="N508" s="93"/>
      <c r="O508" s="93"/>
      <c r="P508" s="22"/>
      <c r="Q508" s="22"/>
      <c r="R508" s="22"/>
    </row>
    <row r="509" spans="1:18" s="137" customFormat="1" ht="56.1" customHeight="1" x14ac:dyDescent="0.15">
      <c r="A509" s="200" t="s">
        <v>556</v>
      </c>
      <c r="B509" s="107"/>
      <c r="C509" s="259" t="s">
        <v>557</v>
      </c>
      <c r="D509" s="268"/>
      <c r="E509" s="268"/>
      <c r="F509" s="268"/>
      <c r="G509" s="268"/>
      <c r="H509" s="269"/>
      <c r="I509" s="134" t="s">
        <v>558</v>
      </c>
      <c r="J509" s="105">
        <v>0</v>
      </c>
      <c r="K509" s="118" t="str">
        <f t="shared" si="11"/>
        <v/>
      </c>
      <c r="L509" s="93"/>
      <c r="M509" s="93"/>
      <c r="N509" s="93"/>
      <c r="O509" s="93"/>
      <c r="P509" s="22"/>
      <c r="Q509" s="22"/>
      <c r="R509" s="22"/>
    </row>
    <row r="510" spans="1:18" s="137" customFormat="1" ht="84" customHeight="1" x14ac:dyDescent="0.15">
      <c r="A510" s="200" t="s">
        <v>559</v>
      </c>
      <c r="B510" s="107"/>
      <c r="C510" s="259" t="s">
        <v>560</v>
      </c>
      <c r="D510" s="266"/>
      <c r="E510" s="266"/>
      <c r="F510" s="266"/>
      <c r="G510" s="266"/>
      <c r="H510" s="267"/>
      <c r="I510" s="134" t="s">
        <v>561</v>
      </c>
      <c r="J510" s="105">
        <v>0</v>
      </c>
      <c r="K510" s="118" t="str">
        <f t="shared" si="11"/>
        <v/>
      </c>
      <c r="L510" s="93"/>
      <c r="M510" s="93"/>
      <c r="N510" s="93"/>
      <c r="O510" s="93"/>
      <c r="P510" s="22"/>
      <c r="Q510" s="22"/>
      <c r="R510" s="22"/>
    </row>
    <row r="511" spans="1:18" s="137" customFormat="1" ht="69.95" customHeight="1" x14ac:dyDescent="0.15">
      <c r="A511" s="200" t="s">
        <v>562</v>
      </c>
      <c r="B511" s="107"/>
      <c r="C511" s="259" t="s">
        <v>563</v>
      </c>
      <c r="D511" s="266"/>
      <c r="E511" s="266"/>
      <c r="F511" s="266"/>
      <c r="G511" s="266"/>
      <c r="H511" s="267"/>
      <c r="I511" s="134" t="s">
        <v>564</v>
      </c>
      <c r="J511" s="105">
        <v>0</v>
      </c>
      <c r="K511" s="118" t="str">
        <f t="shared" si="11"/>
        <v/>
      </c>
      <c r="L511" s="93"/>
      <c r="M511" s="93"/>
      <c r="N511" s="93"/>
      <c r="O511" s="93"/>
      <c r="P511" s="22"/>
      <c r="Q511" s="22"/>
      <c r="R511" s="22"/>
    </row>
    <row r="512" spans="1:18" s="137" customFormat="1" ht="98.1" customHeight="1" x14ac:dyDescent="0.15">
      <c r="A512" s="200" t="s">
        <v>565</v>
      </c>
      <c r="B512" s="107"/>
      <c r="C512" s="259" t="s">
        <v>566</v>
      </c>
      <c r="D512" s="266"/>
      <c r="E512" s="266"/>
      <c r="F512" s="266"/>
      <c r="G512" s="266"/>
      <c r="H512" s="267"/>
      <c r="I512" s="134" t="s">
        <v>567</v>
      </c>
      <c r="J512" s="105">
        <v>0</v>
      </c>
      <c r="K512" s="118" t="str">
        <f t="shared" si="11"/>
        <v/>
      </c>
      <c r="L512" s="93"/>
      <c r="M512" s="93"/>
      <c r="N512" s="93"/>
      <c r="O512" s="93"/>
      <c r="P512" s="22"/>
      <c r="Q512" s="22"/>
      <c r="R512" s="22"/>
    </row>
    <row r="513" spans="1:18" s="137" customFormat="1" ht="84" customHeight="1" x14ac:dyDescent="0.15">
      <c r="A513" s="200" t="s">
        <v>568</v>
      </c>
      <c r="B513" s="107"/>
      <c r="C513" s="259" t="s">
        <v>569</v>
      </c>
      <c r="D513" s="268"/>
      <c r="E513" s="268"/>
      <c r="F513" s="268"/>
      <c r="G513" s="268"/>
      <c r="H513" s="269"/>
      <c r="I513" s="134" t="s">
        <v>570</v>
      </c>
      <c r="J513" s="105">
        <v>0</v>
      </c>
      <c r="K513" s="118" t="str">
        <f t="shared" si="11"/>
        <v/>
      </c>
      <c r="L513" s="86"/>
      <c r="M513" s="220"/>
      <c r="N513" s="93"/>
      <c r="O513" s="93"/>
      <c r="P513" s="22"/>
      <c r="Q513" s="22"/>
      <c r="R513" s="22"/>
    </row>
    <row r="514" spans="1:18" s="84" customFormat="1" x14ac:dyDescent="0.15">
      <c r="A514" s="176"/>
      <c r="B514" s="19"/>
      <c r="C514" s="19"/>
      <c r="D514" s="19"/>
      <c r="E514" s="19"/>
      <c r="F514" s="19"/>
      <c r="G514" s="19"/>
      <c r="H514" s="15"/>
      <c r="I514" s="15"/>
      <c r="J514" s="82"/>
      <c r="K514" s="83"/>
      <c r="L514" s="93"/>
      <c r="M514" s="93"/>
      <c r="N514" s="93"/>
      <c r="O514" s="93"/>
      <c r="P514" s="22"/>
      <c r="Q514" s="22"/>
      <c r="R514" s="22"/>
    </row>
    <row r="515" spans="1:18" s="81" customFormat="1" x14ac:dyDescent="0.15">
      <c r="A515" s="176"/>
      <c r="B515" s="88"/>
      <c r="C515" s="66"/>
      <c r="D515" s="66"/>
      <c r="E515" s="66"/>
      <c r="F515" s="66"/>
      <c r="G515" s="66"/>
      <c r="H515" s="91"/>
      <c r="I515" s="91"/>
      <c r="J515" s="82"/>
      <c r="K515" s="83"/>
      <c r="L515" s="93"/>
      <c r="M515" s="93"/>
      <c r="N515" s="93"/>
      <c r="O515" s="93"/>
      <c r="P515" s="22"/>
      <c r="Q515" s="22"/>
      <c r="R515" s="22"/>
    </row>
    <row r="516" spans="1:18" s="144" customFormat="1" x14ac:dyDescent="0.15">
      <c r="A516" s="176"/>
      <c r="B516" s="107"/>
      <c r="C516" s="3"/>
      <c r="D516" s="3"/>
      <c r="E516" s="3"/>
      <c r="F516" s="3"/>
      <c r="G516" s="3"/>
      <c r="H516" s="242"/>
      <c r="I516" s="242"/>
      <c r="J516" s="86"/>
      <c r="K516" s="69"/>
      <c r="L516" s="93"/>
      <c r="M516" s="93"/>
      <c r="N516" s="93"/>
      <c r="O516" s="93"/>
      <c r="P516" s="22"/>
      <c r="Q516" s="22"/>
      <c r="R516" s="22"/>
    </row>
    <row r="517" spans="1:18" s="144" customFormat="1" x14ac:dyDescent="0.15">
      <c r="A517" s="176"/>
      <c r="B517" s="19" t="s">
        <v>571</v>
      </c>
      <c r="C517" s="3"/>
      <c r="D517" s="3"/>
      <c r="E517" s="3"/>
      <c r="F517" s="3"/>
      <c r="G517" s="3"/>
      <c r="H517" s="242"/>
      <c r="I517" s="242"/>
      <c r="J517" s="86"/>
      <c r="K517" s="69"/>
      <c r="L517" s="93"/>
      <c r="M517" s="93"/>
      <c r="N517" s="93"/>
      <c r="O517" s="93"/>
      <c r="P517" s="22"/>
      <c r="Q517" s="22"/>
      <c r="R517" s="22"/>
    </row>
    <row r="518" spans="1:18" x14ac:dyDescent="0.15">
      <c r="A518" s="176"/>
      <c r="B518" s="19"/>
      <c r="C518" s="19"/>
      <c r="D518" s="19"/>
      <c r="E518" s="19"/>
      <c r="F518" s="19"/>
      <c r="G518" s="19"/>
      <c r="H518" s="15"/>
      <c r="I518" s="15"/>
      <c r="L518" s="93"/>
      <c r="M518" s="93"/>
      <c r="N518" s="93"/>
      <c r="O518" s="93"/>
      <c r="P518" s="22"/>
      <c r="Q518" s="22"/>
      <c r="R518" s="22"/>
    </row>
    <row r="519" spans="1:18" x14ac:dyDescent="0.15">
      <c r="A519" s="176"/>
      <c r="B519" s="19"/>
      <c r="C519" s="3"/>
      <c r="D519" s="3"/>
      <c r="F519" s="3"/>
      <c r="G519" s="3"/>
      <c r="H519" s="242"/>
      <c r="I519" s="242"/>
      <c r="J519" s="71" t="s">
        <v>4</v>
      </c>
      <c r="K519" s="72"/>
      <c r="L519" s="93"/>
      <c r="M519" s="93"/>
      <c r="N519" s="93"/>
      <c r="O519" s="93"/>
      <c r="P519" s="22"/>
      <c r="Q519" s="22"/>
      <c r="R519" s="22"/>
    </row>
    <row r="520" spans="1:18" x14ac:dyDescent="0.15">
      <c r="A520" s="176"/>
      <c r="B520" s="1"/>
      <c r="C520" s="66"/>
      <c r="D520" s="3"/>
      <c r="F520" s="3"/>
      <c r="G520" s="3"/>
      <c r="H520" s="242"/>
      <c r="I520" s="74" t="s">
        <v>67</v>
      </c>
      <c r="J520" s="75"/>
      <c r="K520" s="76"/>
      <c r="L520" s="93"/>
      <c r="M520" s="93"/>
      <c r="N520" s="93"/>
      <c r="O520" s="93"/>
      <c r="P520" s="22"/>
      <c r="Q520" s="22"/>
      <c r="R520" s="22"/>
    </row>
    <row r="521" spans="1:18" s="137" customFormat="1" ht="42" customHeight="1" x14ac:dyDescent="0.15">
      <c r="A521" s="200" t="s">
        <v>572</v>
      </c>
      <c r="B521" s="144"/>
      <c r="C521" s="276" t="s">
        <v>573</v>
      </c>
      <c r="D521" s="281"/>
      <c r="E521" s="281"/>
      <c r="F521" s="281"/>
      <c r="G521" s="281"/>
      <c r="H521" s="286"/>
      <c r="I521" s="134" t="s">
        <v>574</v>
      </c>
      <c r="J521" s="105">
        <v>0</v>
      </c>
      <c r="K521" s="118" t="str">
        <f t="shared" ref="K521:K535" si="12">IF(OR(COUNTIF(J521,"未確認")&gt;0,COUNTIF(J521,"*")&gt;0),"※","")</f>
        <v/>
      </c>
      <c r="L521" s="93"/>
      <c r="M521" s="93"/>
      <c r="N521" s="93"/>
      <c r="O521" s="93"/>
      <c r="P521" s="22"/>
      <c r="Q521" s="22"/>
      <c r="R521" s="22"/>
    </row>
    <row r="522" spans="1:18" s="137" customFormat="1" ht="69.95" customHeight="1" x14ac:dyDescent="0.15">
      <c r="A522" s="200" t="s">
        <v>575</v>
      </c>
      <c r="B522" s="88"/>
      <c r="C522" s="162"/>
      <c r="D522" s="181"/>
      <c r="E522" s="259" t="s">
        <v>576</v>
      </c>
      <c r="F522" s="266"/>
      <c r="G522" s="266"/>
      <c r="H522" s="267"/>
      <c r="I522" s="134" t="s">
        <v>577</v>
      </c>
      <c r="J522" s="105">
        <v>0</v>
      </c>
      <c r="K522" s="118" t="str">
        <f t="shared" si="12"/>
        <v/>
      </c>
      <c r="L522" s="93"/>
      <c r="M522" s="93"/>
      <c r="N522" s="93"/>
      <c r="O522" s="93"/>
      <c r="P522" s="22"/>
      <c r="Q522" s="22"/>
      <c r="R522" s="22"/>
    </row>
    <row r="523" spans="1:18" s="137" customFormat="1" ht="69.95" customHeight="1" x14ac:dyDescent="0.15">
      <c r="A523" s="200" t="s">
        <v>578</v>
      </c>
      <c r="B523" s="88"/>
      <c r="C523" s="162"/>
      <c r="D523" s="181"/>
      <c r="E523" s="259" t="s">
        <v>579</v>
      </c>
      <c r="F523" s="266"/>
      <c r="G523" s="266"/>
      <c r="H523" s="267"/>
      <c r="I523" s="134" t="s">
        <v>580</v>
      </c>
      <c r="J523" s="105">
        <v>0</v>
      </c>
      <c r="K523" s="118" t="str">
        <f t="shared" si="12"/>
        <v/>
      </c>
      <c r="L523" s="93"/>
      <c r="M523" s="93"/>
      <c r="N523" s="93"/>
      <c r="O523" s="93"/>
      <c r="P523" s="22"/>
      <c r="Q523" s="22"/>
      <c r="R523" s="22"/>
    </row>
    <row r="524" spans="1:18" s="137" customFormat="1" ht="69.95" customHeight="1" x14ac:dyDescent="0.15">
      <c r="A524" s="200" t="s">
        <v>581</v>
      </c>
      <c r="B524" s="88"/>
      <c r="C524" s="162"/>
      <c r="D524" s="181"/>
      <c r="E524" s="259" t="s">
        <v>582</v>
      </c>
      <c r="F524" s="266"/>
      <c r="G524" s="266"/>
      <c r="H524" s="267"/>
      <c r="I524" s="134" t="s">
        <v>583</v>
      </c>
      <c r="J524" s="105">
        <v>0</v>
      </c>
      <c r="K524" s="118" t="str">
        <f t="shared" si="12"/>
        <v/>
      </c>
      <c r="L524" s="93"/>
      <c r="M524" s="93"/>
      <c r="N524" s="93"/>
      <c r="O524" s="93"/>
      <c r="P524" s="22"/>
      <c r="Q524" s="22"/>
      <c r="R524" s="22"/>
    </row>
    <row r="525" spans="1:18" s="137" customFormat="1" ht="84" customHeight="1" x14ac:dyDescent="0.15">
      <c r="A525" s="200" t="s">
        <v>584</v>
      </c>
      <c r="B525" s="88"/>
      <c r="C525" s="236"/>
      <c r="D525" s="240"/>
      <c r="E525" s="259" t="s">
        <v>585</v>
      </c>
      <c r="F525" s="266"/>
      <c r="G525" s="266"/>
      <c r="H525" s="267"/>
      <c r="I525" s="134" t="s">
        <v>586</v>
      </c>
      <c r="J525" s="105">
        <v>0</v>
      </c>
      <c r="K525" s="118" t="str">
        <f t="shared" si="12"/>
        <v/>
      </c>
      <c r="L525" s="93"/>
      <c r="M525" s="93"/>
      <c r="N525" s="93"/>
      <c r="O525" s="93"/>
      <c r="P525" s="22"/>
      <c r="Q525" s="22"/>
      <c r="R525" s="22"/>
    </row>
    <row r="526" spans="1:18" s="137" customFormat="1" ht="69.95" customHeight="1" x14ac:dyDescent="0.15">
      <c r="A526" s="200" t="s">
        <v>587</v>
      </c>
      <c r="B526" s="88"/>
      <c r="C526" s="162"/>
      <c r="D526" s="181"/>
      <c r="E526" s="259" t="s">
        <v>588</v>
      </c>
      <c r="F526" s="266"/>
      <c r="G526" s="266"/>
      <c r="H526" s="267"/>
      <c r="I526" s="134" t="s">
        <v>589</v>
      </c>
      <c r="J526" s="105">
        <v>0</v>
      </c>
      <c r="K526" s="118" t="str">
        <f t="shared" si="12"/>
        <v/>
      </c>
      <c r="L526" s="93"/>
      <c r="M526" s="93"/>
      <c r="N526" s="93"/>
      <c r="O526" s="93"/>
      <c r="P526" s="22"/>
      <c r="Q526" s="22"/>
      <c r="R526" s="22"/>
    </row>
    <row r="527" spans="1:18" s="137" customFormat="1" ht="56.1" customHeight="1" x14ac:dyDescent="0.15">
      <c r="A527" s="200" t="s">
        <v>590</v>
      </c>
      <c r="B527" s="88"/>
      <c r="C527" s="162"/>
      <c r="D527" s="181"/>
      <c r="E527" s="259" t="s">
        <v>591</v>
      </c>
      <c r="F527" s="266"/>
      <c r="G527" s="266"/>
      <c r="H527" s="267"/>
      <c r="I527" s="134" t="s">
        <v>592</v>
      </c>
      <c r="J527" s="105">
        <v>0</v>
      </c>
      <c r="K527" s="118" t="str">
        <f t="shared" si="12"/>
        <v/>
      </c>
      <c r="L527" s="93"/>
      <c r="M527" s="93"/>
      <c r="N527" s="93"/>
      <c r="O527" s="93"/>
      <c r="P527" s="22"/>
      <c r="Q527" s="22"/>
      <c r="R527" s="22"/>
    </row>
    <row r="528" spans="1:18" s="137" customFormat="1" ht="69.95" customHeight="1" x14ac:dyDescent="0.15">
      <c r="A528" s="200" t="s">
        <v>593</v>
      </c>
      <c r="B528" s="88"/>
      <c r="C528" s="162"/>
      <c r="D528" s="181"/>
      <c r="E528" s="259" t="s">
        <v>594</v>
      </c>
      <c r="F528" s="266"/>
      <c r="G528" s="266"/>
      <c r="H528" s="267"/>
      <c r="I528" s="134" t="s">
        <v>595</v>
      </c>
      <c r="J528" s="105">
        <v>0</v>
      </c>
      <c r="K528" s="118" t="str">
        <f t="shared" si="12"/>
        <v/>
      </c>
      <c r="L528" s="93"/>
      <c r="M528" s="93"/>
      <c r="N528" s="93"/>
      <c r="O528" s="93"/>
      <c r="P528" s="22"/>
      <c r="Q528" s="22"/>
      <c r="R528" s="22"/>
    </row>
    <row r="529" spans="1:18" s="137" customFormat="1" ht="69.95" customHeight="1" x14ac:dyDescent="0.15">
      <c r="A529" s="200" t="s">
        <v>596</v>
      </c>
      <c r="B529" s="88"/>
      <c r="C529" s="164"/>
      <c r="D529" s="182"/>
      <c r="E529" s="259" t="s">
        <v>597</v>
      </c>
      <c r="F529" s="266"/>
      <c r="G529" s="266"/>
      <c r="H529" s="267"/>
      <c r="I529" s="134" t="s">
        <v>598</v>
      </c>
      <c r="J529" s="105">
        <v>0</v>
      </c>
      <c r="K529" s="118" t="str">
        <f t="shared" si="12"/>
        <v/>
      </c>
      <c r="L529" s="93"/>
      <c r="M529" s="93"/>
      <c r="N529" s="93"/>
      <c r="O529" s="93"/>
      <c r="P529" s="22"/>
      <c r="Q529" s="22"/>
      <c r="R529" s="22"/>
    </row>
    <row r="530" spans="1:18" s="137" customFormat="1" ht="69.95" customHeight="1" x14ac:dyDescent="0.15">
      <c r="A530" s="200" t="s">
        <v>599</v>
      </c>
      <c r="B530" s="88"/>
      <c r="C530" s="257" t="s">
        <v>600</v>
      </c>
      <c r="D530" s="258"/>
      <c r="E530" s="258"/>
      <c r="F530" s="258"/>
      <c r="G530" s="258"/>
      <c r="H530" s="258"/>
      <c r="I530" s="134" t="s">
        <v>601</v>
      </c>
      <c r="J530" s="105">
        <v>0</v>
      </c>
      <c r="K530" s="118" t="str">
        <f t="shared" si="12"/>
        <v/>
      </c>
      <c r="L530" s="93"/>
      <c r="M530" s="93"/>
      <c r="N530" s="93"/>
      <c r="O530" s="93"/>
      <c r="P530" s="22"/>
      <c r="Q530" s="22"/>
      <c r="R530" s="22"/>
    </row>
    <row r="531" spans="1:18" s="137" customFormat="1" ht="72" customHeight="1" x14ac:dyDescent="0.15">
      <c r="A531" s="200" t="s">
        <v>602</v>
      </c>
      <c r="B531" s="88"/>
      <c r="C531" s="257" t="s">
        <v>603</v>
      </c>
      <c r="D531" s="272"/>
      <c r="E531" s="272"/>
      <c r="F531" s="272"/>
      <c r="G531" s="272"/>
      <c r="H531" s="272"/>
      <c r="I531" s="110" t="s">
        <v>604</v>
      </c>
      <c r="J531" s="105">
        <v>0</v>
      </c>
      <c r="K531" s="118" t="str">
        <f t="shared" si="12"/>
        <v/>
      </c>
      <c r="L531" s="93"/>
      <c r="M531" s="93"/>
      <c r="N531" s="93"/>
      <c r="O531" s="93"/>
      <c r="P531" s="22"/>
      <c r="Q531" s="22"/>
      <c r="R531" s="22"/>
    </row>
    <row r="532" spans="1:18" s="137" customFormat="1" ht="69.95" customHeight="1" x14ac:dyDescent="0.15">
      <c r="A532" s="200" t="s">
        <v>605</v>
      </c>
      <c r="B532" s="88"/>
      <c r="C532" s="257" t="s">
        <v>606</v>
      </c>
      <c r="D532" s="258"/>
      <c r="E532" s="258"/>
      <c r="F532" s="258"/>
      <c r="G532" s="258"/>
      <c r="H532" s="258"/>
      <c r="I532" s="134" t="s">
        <v>607</v>
      </c>
      <c r="J532" s="105">
        <v>0</v>
      </c>
      <c r="K532" s="118" t="str">
        <f t="shared" si="12"/>
        <v/>
      </c>
      <c r="L532" s="93"/>
      <c r="M532" s="93"/>
      <c r="N532" s="93"/>
      <c r="O532" s="93"/>
      <c r="P532" s="22"/>
      <c r="Q532" s="22"/>
      <c r="R532" s="22"/>
    </row>
    <row r="533" spans="1:18" s="137" customFormat="1" ht="56.1" customHeight="1" x14ac:dyDescent="0.15">
      <c r="A533" s="200" t="s">
        <v>608</v>
      </c>
      <c r="B533" s="88"/>
      <c r="C533" s="257" t="s">
        <v>609</v>
      </c>
      <c r="D533" s="258"/>
      <c r="E533" s="258"/>
      <c r="F533" s="258"/>
      <c r="G533" s="258"/>
      <c r="H533" s="258"/>
      <c r="I533" s="134" t="s">
        <v>610</v>
      </c>
      <c r="J533" s="105">
        <v>0</v>
      </c>
      <c r="K533" s="118" t="str">
        <f t="shared" si="12"/>
        <v/>
      </c>
      <c r="L533" s="93"/>
      <c r="M533" s="93"/>
      <c r="N533" s="93"/>
      <c r="O533" s="93"/>
      <c r="P533" s="22"/>
      <c r="Q533" s="22"/>
      <c r="R533" s="22"/>
    </row>
    <row r="534" spans="1:18" s="137" customFormat="1" ht="69.95" customHeight="1" x14ac:dyDescent="0.15">
      <c r="A534" s="200" t="s">
        <v>611</v>
      </c>
      <c r="B534" s="88"/>
      <c r="C534" s="257" t="s">
        <v>612</v>
      </c>
      <c r="D534" s="272"/>
      <c r="E534" s="272"/>
      <c r="F534" s="272"/>
      <c r="G534" s="272"/>
      <c r="H534" s="272"/>
      <c r="I534" s="134" t="s">
        <v>613</v>
      </c>
      <c r="J534" s="105">
        <v>0</v>
      </c>
      <c r="K534" s="118" t="str">
        <f t="shared" si="12"/>
        <v/>
      </c>
      <c r="L534" s="93"/>
      <c r="M534" s="93"/>
      <c r="N534" s="93"/>
      <c r="O534" s="93"/>
      <c r="P534" s="22"/>
      <c r="Q534" s="22"/>
      <c r="R534" s="22"/>
    </row>
    <row r="535" spans="1:18" s="137" customFormat="1" ht="84" customHeight="1" x14ac:dyDescent="0.15">
      <c r="A535" s="200" t="s">
        <v>614</v>
      </c>
      <c r="B535" s="88"/>
      <c r="C535" s="257" t="s">
        <v>615</v>
      </c>
      <c r="D535" s="258"/>
      <c r="E535" s="258"/>
      <c r="F535" s="258"/>
      <c r="G535" s="258"/>
      <c r="H535" s="258"/>
      <c r="I535" s="134" t="s">
        <v>616</v>
      </c>
      <c r="J535" s="105">
        <v>0</v>
      </c>
      <c r="K535" s="118" t="str">
        <f t="shared" si="12"/>
        <v/>
      </c>
      <c r="L535" s="93"/>
      <c r="M535" s="93"/>
      <c r="N535" s="93"/>
      <c r="O535" s="93"/>
      <c r="P535" s="22"/>
      <c r="Q535" s="22"/>
      <c r="R535" s="22"/>
    </row>
    <row r="536" spans="1:18" s="84" customFormat="1" x14ac:dyDescent="0.15">
      <c r="A536" s="176"/>
      <c r="B536" s="19"/>
      <c r="C536" s="19"/>
      <c r="D536" s="19"/>
      <c r="E536" s="19"/>
      <c r="F536" s="19"/>
      <c r="G536" s="19"/>
      <c r="H536" s="15"/>
      <c r="I536" s="15"/>
      <c r="J536" s="82"/>
      <c r="K536" s="83"/>
      <c r="L536" s="93"/>
      <c r="M536" s="93"/>
      <c r="N536" s="93"/>
      <c r="O536" s="93"/>
      <c r="P536" s="22"/>
      <c r="Q536" s="22"/>
      <c r="R536" s="22"/>
    </row>
    <row r="537" spans="1:18" s="81" customFormat="1" x14ac:dyDescent="0.15">
      <c r="A537" s="176"/>
      <c r="B537" s="88"/>
      <c r="C537" s="66"/>
      <c r="D537" s="66"/>
      <c r="E537" s="66"/>
      <c r="F537" s="66"/>
      <c r="G537" s="66"/>
      <c r="H537" s="91"/>
      <c r="I537" s="91"/>
      <c r="J537" s="82"/>
      <c r="K537" s="83"/>
      <c r="L537" s="93"/>
      <c r="M537" s="93"/>
      <c r="N537" s="93"/>
      <c r="O537" s="93"/>
      <c r="P537" s="22"/>
      <c r="Q537" s="22"/>
      <c r="R537" s="22"/>
    </row>
    <row r="538" spans="1:18" s="144" customFormat="1" x14ac:dyDescent="0.15">
      <c r="A538" s="176"/>
      <c r="B538" s="107"/>
      <c r="C538" s="3"/>
      <c r="D538" s="3"/>
      <c r="E538" s="3"/>
      <c r="F538" s="3"/>
      <c r="G538" s="3"/>
      <c r="H538" s="242"/>
      <c r="I538" s="242"/>
      <c r="J538" s="86"/>
      <c r="K538" s="69"/>
      <c r="L538" s="93"/>
      <c r="M538" s="93"/>
      <c r="N538" s="93"/>
      <c r="O538" s="93"/>
      <c r="P538" s="22"/>
      <c r="Q538" s="22"/>
      <c r="R538" s="22"/>
    </row>
    <row r="539" spans="1:18" x14ac:dyDescent="0.15">
      <c r="A539" s="176"/>
      <c r="B539" s="19"/>
      <c r="C539" s="19"/>
      <c r="D539" s="19"/>
      <c r="E539" s="19"/>
      <c r="F539" s="19"/>
      <c r="G539" s="19"/>
      <c r="H539" s="15"/>
      <c r="I539" s="15"/>
      <c r="L539" s="93"/>
      <c r="M539" s="93"/>
      <c r="N539" s="93"/>
      <c r="O539" s="93"/>
      <c r="P539" s="22"/>
      <c r="Q539" s="22"/>
      <c r="R539" s="22"/>
    </row>
    <row r="540" spans="1:18" x14ac:dyDescent="0.15">
      <c r="A540" s="176"/>
      <c r="B540" s="19"/>
      <c r="C540" s="3"/>
      <c r="D540" s="3"/>
      <c r="F540" s="3"/>
      <c r="G540" s="3"/>
      <c r="H540" s="242"/>
      <c r="I540" s="242"/>
      <c r="J540" s="71" t="s">
        <v>4</v>
      </c>
      <c r="K540" s="72"/>
      <c r="L540" s="93"/>
      <c r="M540" s="93"/>
      <c r="N540" s="93"/>
      <c r="O540" s="93"/>
      <c r="P540" s="22"/>
      <c r="Q540" s="22"/>
      <c r="R540" s="22"/>
    </row>
    <row r="541" spans="1:18" x14ac:dyDescent="0.15">
      <c r="A541" s="176"/>
      <c r="B541" s="1"/>
      <c r="C541" s="66"/>
      <c r="D541" s="3"/>
      <c r="F541" s="3"/>
      <c r="G541" s="3"/>
      <c r="H541" s="242"/>
      <c r="I541" s="74" t="s">
        <v>67</v>
      </c>
      <c r="J541" s="75"/>
      <c r="K541" s="76"/>
      <c r="L541" s="93"/>
      <c r="M541" s="93"/>
      <c r="N541" s="93"/>
      <c r="O541" s="93"/>
      <c r="P541" s="22"/>
      <c r="Q541" s="22"/>
      <c r="R541" s="22"/>
    </row>
    <row r="542" spans="1:18" s="81" customFormat="1" ht="56.1" customHeight="1" x14ac:dyDescent="0.15">
      <c r="A542" s="196" t="s">
        <v>617</v>
      </c>
      <c r="B542" s="88"/>
      <c r="C542" s="273" t="s">
        <v>618</v>
      </c>
      <c r="D542" s="274"/>
      <c r="E542" s="274"/>
      <c r="F542" s="274"/>
      <c r="G542" s="274"/>
      <c r="H542" s="275"/>
      <c r="I542" s="110" t="s">
        <v>619</v>
      </c>
      <c r="J542" s="215">
        <v>0</v>
      </c>
      <c r="K542" s="118" t="str">
        <f>IF(OR(COUNTIF(J542,"未確認")&gt;0,COUNTIF(J542,"*")&gt;0),"※","")</f>
        <v/>
      </c>
      <c r="L542" s="93"/>
      <c r="M542" s="93"/>
      <c r="N542" s="93"/>
      <c r="O542" s="93"/>
      <c r="P542" s="22"/>
      <c r="Q542" s="22"/>
      <c r="R542" s="22"/>
    </row>
    <row r="543" spans="1:18" s="81" customFormat="1" ht="56.1" customHeight="1" x14ac:dyDescent="0.15">
      <c r="A543" s="196" t="s">
        <v>620</v>
      </c>
      <c r="B543" s="88"/>
      <c r="C543" s="257" t="s">
        <v>621</v>
      </c>
      <c r="D543" s="258"/>
      <c r="E543" s="258"/>
      <c r="F543" s="258"/>
      <c r="G543" s="258"/>
      <c r="H543" s="258"/>
      <c r="I543" s="110" t="s">
        <v>622</v>
      </c>
      <c r="J543" s="217">
        <v>0</v>
      </c>
      <c r="K543" s="118" t="str">
        <f>IF(OR(COUNTIF(J543,"未確認")&gt;0,COUNTIF(J543,"*")&gt;0),"※","")</f>
        <v/>
      </c>
      <c r="L543" s="93"/>
      <c r="M543" s="93"/>
      <c r="N543" s="93"/>
      <c r="O543" s="93"/>
      <c r="P543" s="22"/>
      <c r="Q543" s="22"/>
      <c r="R543" s="22"/>
    </row>
    <row r="544" spans="1:18" s="81" customFormat="1" ht="35.1" customHeight="1" x14ac:dyDescent="0.15">
      <c r="A544" s="196" t="s">
        <v>623</v>
      </c>
      <c r="B544" s="88"/>
      <c r="C544" s="276" t="s">
        <v>624</v>
      </c>
      <c r="D544" s="277"/>
      <c r="E544" s="277"/>
      <c r="F544" s="277"/>
      <c r="G544" s="277"/>
      <c r="H544" s="278"/>
      <c r="I544" s="251" t="s">
        <v>625</v>
      </c>
      <c r="J544" s="209">
        <v>0</v>
      </c>
      <c r="K544" s="118" t="str">
        <f t="shared" ref="K544:K546" si="13">IF(OR(COUNTIF(J544,"未確認")&gt;0,COUNTIF(J544,"*")&gt;0),"※","")</f>
        <v/>
      </c>
      <c r="L544" s="93"/>
      <c r="M544" s="93"/>
      <c r="N544" s="93"/>
      <c r="O544" s="93"/>
      <c r="P544" s="22"/>
      <c r="Q544" s="22"/>
      <c r="R544" s="22"/>
    </row>
    <row r="545" spans="1:18" s="81" customFormat="1" ht="35.1" customHeight="1" x14ac:dyDescent="0.15">
      <c r="A545" s="196" t="s">
        <v>626</v>
      </c>
      <c r="B545" s="88"/>
      <c r="C545" s="162"/>
      <c r="D545" s="181"/>
      <c r="E545" s="276" t="s">
        <v>627</v>
      </c>
      <c r="F545" s="281"/>
      <c r="G545" s="260"/>
      <c r="H545" s="261"/>
      <c r="I545" s="279"/>
      <c r="J545" s="209">
        <v>0</v>
      </c>
      <c r="K545" s="118" t="str">
        <f t="shared" si="13"/>
        <v/>
      </c>
      <c r="L545" s="93"/>
      <c r="M545" s="93"/>
      <c r="N545" s="93"/>
      <c r="O545" s="93"/>
      <c r="P545" s="22"/>
      <c r="Q545" s="22"/>
      <c r="R545" s="22"/>
    </row>
    <row r="546" spans="1:18" s="81" customFormat="1" ht="64.349999999999994" customHeight="1" x14ac:dyDescent="0.15">
      <c r="A546" s="196" t="s">
        <v>628</v>
      </c>
      <c r="B546" s="88"/>
      <c r="C546" s="164"/>
      <c r="D546" s="235"/>
      <c r="E546" s="282"/>
      <c r="F546" s="283"/>
      <c r="G546" s="284" t="s">
        <v>629</v>
      </c>
      <c r="H546" s="285"/>
      <c r="I546" s="280"/>
      <c r="J546" s="209">
        <v>0</v>
      </c>
      <c r="K546" s="118" t="str">
        <f t="shared" si="13"/>
        <v/>
      </c>
      <c r="L546" s="86"/>
      <c r="M546" s="220"/>
      <c r="N546" s="93"/>
      <c r="O546" s="93"/>
      <c r="P546" s="22"/>
      <c r="Q546" s="22"/>
      <c r="R546" s="22"/>
    </row>
    <row r="547" spans="1:18" s="84" customFormat="1" x14ac:dyDescent="0.15">
      <c r="A547" s="176"/>
      <c r="B547" s="19"/>
      <c r="C547" s="19"/>
      <c r="D547" s="19"/>
      <c r="E547" s="19"/>
      <c r="F547" s="19"/>
      <c r="G547" s="19"/>
      <c r="H547" s="15"/>
      <c r="I547" s="15"/>
      <c r="J547" s="82"/>
      <c r="K547" s="83"/>
      <c r="L547" s="93"/>
      <c r="M547" s="93"/>
      <c r="N547" s="93"/>
      <c r="O547" s="93"/>
      <c r="P547" s="22"/>
      <c r="Q547" s="22"/>
      <c r="R547" s="22"/>
    </row>
    <row r="548" spans="1:18" s="81" customFormat="1" x14ac:dyDescent="0.15">
      <c r="A548" s="176"/>
      <c r="B548" s="88"/>
      <c r="C548" s="66"/>
      <c r="D548" s="66"/>
      <c r="E548" s="66"/>
      <c r="F548" s="66"/>
      <c r="G548" s="66"/>
      <c r="H548" s="91"/>
      <c r="I548" s="91"/>
      <c r="J548" s="82"/>
      <c r="K548" s="83"/>
      <c r="L548" s="93"/>
      <c r="M548" s="93"/>
      <c r="N548" s="93"/>
      <c r="O548" s="93"/>
      <c r="P548" s="22"/>
      <c r="Q548" s="22"/>
      <c r="R548" s="22"/>
    </row>
    <row r="549" spans="1:18" s="84" customFormat="1" x14ac:dyDescent="0.15">
      <c r="A549" s="176"/>
      <c r="B549" s="88"/>
      <c r="C549" s="3"/>
      <c r="D549" s="3"/>
      <c r="E549" s="3"/>
      <c r="F549" s="3"/>
      <c r="G549" s="3"/>
      <c r="H549" s="242"/>
      <c r="I549" s="242"/>
      <c r="J549" s="86"/>
      <c r="K549" s="69"/>
      <c r="L549" s="93"/>
      <c r="M549" s="93"/>
      <c r="N549" s="93"/>
      <c r="O549" s="93"/>
      <c r="P549" s="22"/>
      <c r="Q549" s="22"/>
      <c r="R549" s="22"/>
    </row>
    <row r="550" spans="1:18" s="84" customFormat="1" x14ac:dyDescent="0.15">
      <c r="A550" s="176"/>
      <c r="B550" s="19" t="s">
        <v>630</v>
      </c>
      <c r="C550" s="3"/>
      <c r="D550" s="3"/>
      <c r="E550" s="3"/>
      <c r="F550" s="3"/>
      <c r="G550" s="3"/>
      <c r="H550" s="242"/>
      <c r="I550" s="242"/>
      <c r="J550" s="86"/>
      <c r="K550" s="69"/>
      <c r="L550" s="93"/>
      <c r="M550" s="93"/>
      <c r="N550" s="93"/>
      <c r="O550" s="93"/>
      <c r="P550" s="22"/>
      <c r="Q550" s="22"/>
      <c r="R550" s="22"/>
    </row>
    <row r="551" spans="1:18" x14ac:dyDescent="0.15">
      <c r="A551" s="176"/>
      <c r="B551" s="19"/>
      <c r="C551" s="19"/>
      <c r="D551" s="19"/>
      <c r="E551" s="19"/>
      <c r="F551" s="19"/>
      <c r="G551" s="19"/>
      <c r="H551" s="15"/>
      <c r="I551" s="15"/>
      <c r="L551" s="93"/>
      <c r="M551" s="93"/>
      <c r="N551" s="93"/>
      <c r="O551" s="93"/>
      <c r="P551" s="22"/>
      <c r="Q551" s="22"/>
      <c r="R551" s="22"/>
    </row>
    <row r="552" spans="1:18" x14ac:dyDescent="0.15">
      <c r="A552" s="176"/>
      <c r="B552" s="19"/>
      <c r="C552" s="3"/>
      <c r="D552" s="3"/>
      <c r="F552" s="3"/>
      <c r="G552" s="3"/>
      <c r="H552" s="242"/>
      <c r="I552" s="242"/>
      <c r="J552" s="71" t="s">
        <v>4</v>
      </c>
      <c r="K552" s="72"/>
      <c r="L552" s="93"/>
      <c r="M552" s="93"/>
      <c r="N552" s="93"/>
      <c r="O552" s="93"/>
      <c r="P552" s="22"/>
      <c r="Q552" s="22"/>
      <c r="R552" s="22"/>
    </row>
    <row r="553" spans="1:18" x14ac:dyDescent="0.15">
      <c r="A553" s="176"/>
      <c r="B553" s="1"/>
      <c r="C553" s="66"/>
      <c r="D553" s="3"/>
      <c r="F553" s="3"/>
      <c r="G553" s="3"/>
      <c r="H553" s="242"/>
      <c r="I553" s="74" t="s">
        <v>67</v>
      </c>
      <c r="J553" s="75"/>
      <c r="K553" s="76"/>
      <c r="L553" s="93"/>
      <c r="M553" s="93"/>
      <c r="N553" s="93"/>
      <c r="O553" s="93"/>
      <c r="P553" s="22"/>
      <c r="Q553" s="22"/>
      <c r="R553" s="22"/>
    </row>
    <row r="554" spans="1:18" s="137" customFormat="1" ht="111.95" customHeight="1" x14ac:dyDescent="0.15">
      <c r="A554" s="200" t="s">
        <v>631</v>
      </c>
      <c r="B554" s="107"/>
      <c r="C554" s="259" t="s">
        <v>632</v>
      </c>
      <c r="D554" s="268"/>
      <c r="E554" s="268"/>
      <c r="F554" s="268"/>
      <c r="G554" s="268"/>
      <c r="H554" s="269"/>
      <c r="I554" s="110" t="s">
        <v>633</v>
      </c>
      <c r="J554" s="105">
        <v>0</v>
      </c>
      <c r="K554" s="118" t="str">
        <f>IF(OR(COUNTIF(J554,"未確認")&gt;0,COUNTIF(J554,"*")&gt;0),"※","")</f>
        <v/>
      </c>
      <c r="L554" s="93"/>
      <c r="M554" s="93"/>
      <c r="N554" s="93"/>
      <c r="O554" s="93"/>
      <c r="P554" s="22"/>
      <c r="Q554" s="22"/>
      <c r="R554" s="22"/>
    </row>
    <row r="555" spans="1:18" s="137" customFormat="1" ht="42" customHeight="1" x14ac:dyDescent="0.15">
      <c r="A555" s="200" t="s">
        <v>634</v>
      </c>
      <c r="B555" s="107"/>
      <c r="C555" s="259" t="s">
        <v>635</v>
      </c>
      <c r="D555" s="266"/>
      <c r="E555" s="266"/>
      <c r="F555" s="266"/>
      <c r="G555" s="266"/>
      <c r="H555" s="267"/>
      <c r="I555" s="134" t="s">
        <v>636</v>
      </c>
      <c r="J555" s="105">
        <v>0</v>
      </c>
      <c r="K555" s="118" t="str">
        <f t="shared" ref="K555:K556" si="14">IF(OR(COUNTIF(J555,"未確認")&gt;0,COUNTIF(J555,"*")&gt;0),"※","")</f>
        <v/>
      </c>
      <c r="L555" s="93"/>
      <c r="M555" s="93"/>
      <c r="N555" s="93"/>
      <c r="O555" s="93"/>
      <c r="P555" s="22"/>
      <c r="Q555" s="22"/>
      <c r="R555" s="22"/>
    </row>
    <row r="556" spans="1:18" s="137" customFormat="1" ht="84" customHeight="1" x14ac:dyDescent="0.15">
      <c r="A556" s="200" t="s">
        <v>637</v>
      </c>
      <c r="B556" s="107"/>
      <c r="C556" s="259" t="s">
        <v>638</v>
      </c>
      <c r="D556" s="266"/>
      <c r="E556" s="266"/>
      <c r="F556" s="266"/>
      <c r="G556" s="266"/>
      <c r="H556" s="267"/>
      <c r="I556" s="134" t="s">
        <v>639</v>
      </c>
      <c r="J556" s="105">
        <v>0</v>
      </c>
      <c r="K556" s="118" t="str">
        <f t="shared" si="14"/>
        <v/>
      </c>
      <c r="L556" s="93"/>
      <c r="M556" s="93"/>
      <c r="N556" s="93"/>
      <c r="O556" s="93"/>
      <c r="P556" s="22"/>
      <c r="Q556" s="22"/>
      <c r="R556" s="22"/>
    </row>
    <row r="557" spans="1:18" s="84" customFormat="1" x14ac:dyDescent="0.15">
      <c r="A557" s="176"/>
      <c r="B557" s="19"/>
      <c r="C557" s="19"/>
      <c r="D557" s="19"/>
      <c r="E557" s="19"/>
      <c r="F557" s="19"/>
      <c r="G557" s="19"/>
      <c r="H557" s="15"/>
      <c r="I557" s="15"/>
      <c r="J557" s="82"/>
      <c r="K557" s="83"/>
      <c r="L557" s="93"/>
      <c r="M557" s="93"/>
      <c r="N557" s="93"/>
      <c r="O557" s="93"/>
      <c r="P557" s="22"/>
      <c r="Q557" s="22"/>
      <c r="R557" s="22"/>
    </row>
    <row r="558" spans="1:18" s="81" customFormat="1" x14ac:dyDescent="0.15">
      <c r="A558" s="176"/>
      <c r="B558" s="88"/>
      <c r="C558" s="66"/>
      <c r="D558" s="66"/>
      <c r="E558" s="66"/>
      <c r="F558" s="66"/>
      <c r="G558" s="66"/>
      <c r="H558" s="91"/>
      <c r="I558" s="91"/>
      <c r="J558" s="82"/>
      <c r="K558" s="83"/>
      <c r="L558" s="93"/>
      <c r="M558" s="93"/>
      <c r="N558" s="93"/>
      <c r="O558" s="93"/>
      <c r="P558" s="22"/>
      <c r="Q558" s="22"/>
      <c r="R558" s="22"/>
    </row>
    <row r="559" spans="1:18" s="144" customFormat="1" x14ac:dyDescent="0.15">
      <c r="A559" s="176"/>
      <c r="C559" s="3"/>
      <c r="D559" s="3"/>
      <c r="E559" s="3"/>
      <c r="F559" s="3"/>
      <c r="G559" s="3"/>
      <c r="H559" s="242"/>
      <c r="I559" s="242"/>
      <c r="J559" s="86"/>
      <c r="K559" s="69"/>
      <c r="L559" s="93"/>
      <c r="M559" s="93"/>
      <c r="N559" s="93"/>
      <c r="O559" s="93"/>
      <c r="P559" s="22"/>
      <c r="Q559" s="22"/>
      <c r="R559" s="22"/>
    </row>
    <row r="560" spans="1:18" s="144" customFormat="1" x14ac:dyDescent="0.15">
      <c r="A560" s="176"/>
      <c r="B560" s="19" t="s">
        <v>640</v>
      </c>
      <c r="C560" s="3"/>
      <c r="D560" s="3"/>
      <c r="E560" s="3"/>
      <c r="F560" s="3"/>
      <c r="G560" s="3"/>
      <c r="H560" s="242"/>
      <c r="I560" s="242"/>
      <c r="J560" s="86"/>
      <c r="K560" s="69"/>
      <c r="L560" s="93"/>
      <c r="M560" s="93"/>
      <c r="N560" s="93"/>
      <c r="O560" s="93"/>
      <c r="P560" s="22"/>
      <c r="Q560" s="22"/>
      <c r="R560" s="22"/>
    </row>
    <row r="561" spans="1:18" x14ac:dyDescent="0.15">
      <c r="A561" s="176"/>
      <c r="B561" s="19"/>
      <c r="C561" s="19"/>
      <c r="D561" s="19"/>
      <c r="E561" s="19"/>
      <c r="F561" s="19"/>
      <c r="G561" s="19"/>
      <c r="H561" s="15"/>
      <c r="I561" s="15"/>
      <c r="L561" s="93"/>
      <c r="M561" s="93"/>
      <c r="N561" s="93"/>
      <c r="O561" s="93"/>
      <c r="P561" s="22"/>
      <c r="Q561" s="22"/>
      <c r="R561" s="22"/>
    </row>
    <row r="562" spans="1:18" x14ac:dyDescent="0.15">
      <c r="A562" s="176"/>
      <c r="B562" s="19"/>
      <c r="C562" s="3"/>
      <c r="D562" s="3"/>
      <c r="F562" s="3"/>
      <c r="G562" s="3"/>
      <c r="H562" s="242"/>
      <c r="I562" s="242"/>
      <c r="J562" s="71" t="s">
        <v>4</v>
      </c>
      <c r="K562" s="72"/>
      <c r="L562" s="93"/>
      <c r="M562" s="93"/>
      <c r="N562" s="93"/>
      <c r="O562" s="93"/>
      <c r="P562" s="22"/>
      <c r="Q562" s="22"/>
      <c r="R562" s="22"/>
    </row>
    <row r="563" spans="1:18" x14ac:dyDescent="0.15">
      <c r="A563" s="176"/>
      <c r="B563" s="1"/>
      <c r="C563" s="66"/>
      <c r="D563" s="3"/>
      <c r="F563" s="3"/>
      <c r="G563" s="3"/>
      <c r="H563" s="242"/>
      <c r="I563" s="74" t="s">
        <v>67</v>
      </c>
      <c r="J563" s="75"/>
      <c r="K563" s="76"/>
      <c r="L563" s="93"/>
      <c r="M563" s="93"/>
      <c r="N563" s="93"/>
      <c r="O563" s="93"/>
      <c r="P563" s="22"/>
      <c r="Q563" s="22"/>
      <c r="R563" s="22"/>
    </row>
    <row r="564" spans="1:18" s="137" customFormat="1" ht="56.1" customHeight="1" x14ac:dyDescent="0.15">
      <c r="A564" s="200" t="s">
        <v>641</v>
      </c>
      <c r="B564" s="144"/>
      <c r="C564" s="259" t="s">
        <v>642</v>
      </c>
      <c r="D564" s="260"/>
      <c r="E564" s="260"/>
      <c r="F564" s="260"/>
      <c r="G564" s="260"/>
      <c r="H564" s="261"/>
      <c r="I564" s="134" t="s">
        <v>643</v>
      </c>
      <c r="J564" s="105">
        <v>0</v>
      </c>
      <c r="K564" s="118" t="str">
        <f>IF(OR(COUNTIF(J564,"未確認")&gt;0,COUNTIF(J564,"*")&gt;0),"※","")</f>
        <v/>
      </c>
      <c r="L564" s="93"/>
      <c r="M564" s="93"/>
      <c r="N564" s="93"/>
      <c r="O564" s="93"/>
      <c r="P564" s="22"/>
      <c r="Q564" s="22"/>
      <c r="R564" s="22"/>
    </row>
    <row r="565" spans="1:18" s="137" customFormat="1" ht="56.1" customHeight="1" x14ac:dyDescent="0.15">
      <c r="A565" s="200" t="s">
        <v>644</v>
      </c>
      <c r="B565" s="107"/>
      <c r="C565" s="259" t="s">
        <v>645</v>
      </c>
      <c r="D565" s="266"/>
      <c r="E565" s="266"/>
      <c r="F565" s="266"/>
      <c r="G565" s="266"/>
      <c r="H565" s="267"/>
      <c r="I565" s="134" t="s">
        <v>646</v>
      </c>
      <c r="J565" s="105">
        <v>0</v>
      </c>
      <c r="K565" s="118" t="str">
        <f t="shared" ref="K565:K567" si="15">IF(OR(COUNTIF(J565,"未確認")&gt;0,COUNTIF(J565,"*")&gt;0),"※","")</f>
        <v/>
      </c>
      <c r="L565" s="93"/>
      <c r="M565" s="93"/>
      <c r="N565" s="93"/>
      <c r="O565" s="93"/>
      <c r="P565" s="22"/>
      <c r="Q565" s="22"/>
      <c r="R565" s="22"/>
    </row>
    <row r="566" spans="1:18" s="137" customFormat="1" ht="69.95" customHeight="1" x14ac:dyDescent="0.15">
      <c r="A566" s="200" t="s">
        <v>647</v>
      </c>
      <c r="B566" s="107"/>
      <c r="C566" s="259" t="s">
        <v>648</v>
      </c>
      <c r="D566" s="268"/>
      <c r="E566" s="268"/>
      <c r="F566" s="268"/>
      <c r="G566" s="268"/>
      <c r="H566" s="269"/>
      <c r="I566" s="134" t="s">
        <v>649</v>
      </c>
      <c r="J566" s="105">
        <v>0</v>
      </c>
      <c r="K566" s="118" t="str">
        <f t="shared" si="15"/>
        <v/>
      </c>
      <c r="L566" s="93"/>
      <c r="M566" s="93"/>
      <c r="N566" s="93"/>
      <c r="O566" s="93"/>
      <c r="P566" s="22"/>
      <c r="Q566" s="22"/>
      <c r="R566" s="22"/>
    </row>
    <row r="567" spans="1:18" s="137" customFormat="1" ht="69.95" customHeight="1" x14ac:dyDescent="0.15">
      <c r="A567" s="200" t="s">
        <v>650</v>
      </c>
      <c r="B567" s="107"/>
      <c r="C567" s="259" t="s">
        <v>651</v>
      </c>
      <c r="D567" s="266"/>
      <c r="E567" s="266"/>
      <c r="F567" s="266"/>
      <c r="G567" s="266"/>
      <c r="H567" s="267"/>
      <c r="I567" s="134" t="s">
        <v>652</v>
      </c>
      <c r="J567" s="105">
        <v>0</v>
      </c>
      <c r="K567" s="118" t="str">
        <f t="shared" si="15"/>
        <v/>
      </c>
      <c r="L567" s="93"/>
      <c r="M567" s="93"/>
      <c r="N567" s="93"/>
      <c r="O567" s="93"/>
      <c r="P567" s="22"/>
      <c r="Q567" s="22"/>
      <c r="R567" s="22"/>
    </row>
    <row r="568" spans="1:18" s="84" customFormat="1" x14ac:dyDescent="0.15">
      <c r="A568" s="176"/>
      <c r="B568" s="19"/>
      <c r="C568" s="19"/>
      <c r="D568" s="19"/>
      <c r="E568" s="19"/>
      <c r="F568" s="19"/>
      <c r="G568" s="19"/>
      <c r="H568" s="15"/>
      <c r="I568" s="15"/>
      <c r="J568" s="82"/>
      <c r="K568" s="83"/>
      <c r="L568" s="93"/>
      <c r="M568" s="93"/>
      <c r="N568" s="93"/>
      <c r="O568" s="93"/>
      <c r="P568" s="22"/>
      <c r="Q568" s="22"/>
      <c r="R568" s="22"/>
    </row>
    <row r="569" spans="1:18" s="81" customFormat="1" x14ac:dyDescent="0.15">
      <c r="A569" s="176"/>
      <c r="B569" s="88"/>
      <c r="C569" s="66"/>
      <c r="D569" s="66"/>
      <c r="E569" s="66"/>
      <c r="F569" s="66"/>
      <c r="G569" s="66"/>
      <c r="H569" s="91"/>
      <c r="I569" s="91"/>
      <c r="J569" s="82"/>
      <c r="K569" s="83"/>
      <c r="L569" s="83"/>
      <c r="M569" s="83"/>
      <c r="N569" s="83"/>
      <c r="O569" s="83"/>
      <c r="P569" s="22"/>
      <c r="Q569" s="22"/>
      <c r="R569" s="22"/>
    </row>
    <row r="570" spans="1:18" s="144" customFormat="1" x14ac:dyDescent="0.15">
      <c r="A570" s="176"/>
      <c r="C570" s="3"/>
      <c r="D570" s="3"/>
      <c r="E570" s="3"/>
      <c r="F570" s="3"/>
      <c r="G570" s="3"/>
      <c r="H570" s="242"/>
      <c r="I570" s="242"/>
      <c r="J570" s="86"/>
      <c r="K570" s="69"/>
      <c r="L570" s="93"/>
      <c r="M570" s="93"/>
      <c r="N570" s="93"/>
      <c r="O570" s="93"/>
      <c r="P570" s="22"/>
      <c r="Q570" s="22"/>
      <c r="R570" s="22"/>
    </row>
    <row r="571" spans="1:18" s="144" customFormat="1" x14ac:dyDescent="0.15">
      <c r="A571" s="176"/>
      <c r="B571" s="19" t="s">
        <v>653</v>
      </c>
      <c r="C571" s="3"/>
      <c r="D571" s="3"/>
      <c r="E571" s="3"/>
      <c r="F571" s="3"/>
      <c r="G571" s="3"/>
      <c r="H571" s="242"/>
      <c r="I571" s="242"/>
      <c r="J571" s="86"/>
      <c r="K571" s="69"/>
      <c r="L571" s="93"/>
      <c r="M571" s="93"/>
      <c r="N571" s="93"/>
      <c r="O571" s="93"/>
      <c r="P571" s="22"/>
      <c r="Q571" s="22"/>
      <c r="R571" s="22"/>
    </row>
    <row r="572" spans="1:18" x14ac:dyDescent="0.15">
      <c r="A572" s="176"/>
      <c r="B572" s="19"/>
      <c r="C572" s="19"/>
      <c r="D572" s="19"/>
      <c r="E572" s="19"/>
      <c r="F572" s="19"/>
      <c r="G572" s="19"/>
      <c r="H572" s="15"/>
      <c r="I572" s="15"/>
      <c r="L572" s="93"/>
      <c r="M572" s="93"/>
      <c r="N572" s="93"/>
      <c r="O572" s="93"/>
      <c r="P572" s="22"/>
      <c r="Q572" s="22"/>
      <c r="R572" s="22"/>
    </row>
    <row r="573" spans="1:18" x14ac:dyDescent="0.15">
      <c r="A573" s="176"/>
      <c r="B573" s="19"/>
      <c r="C573" s="3"/>
      <c r="D573" s="3"/>
      <c r="F573" s="3"/>
      <c r="G573" s="3"/>
      <c r="H573" s="242"/>
      <c r="I573" s="242"/>
      <c r="J573" s="71" t="s">
        <v>4</v>
      </c>
      <c r="K573" s="72"/>
      <c r="L573" s="93"/>
      <c r="M573" s="93"/>
      <c r="N573" s="93"/>
      <c r="O573" s="93"/>
      <c r="P573" s="22"/>
      <c r="Q573" s="22"/>
      <c r="R573" s="22"/>
    </row>
    <row r="574" spans="1:18" x14ac:dyDescent="0.15">
      <c r="A574" s="176"/>
      <c r="B574" s="1"/>
      <c r="C574" s="66"/>
      <c r="D574" s="3"/>
      <c r="F574" s="3"/>
      <c r="G574" s="3"/>
      <c r="H574" s="242"/>
      <c r="I574" s="74" t="s">
        <v>67</v>
      </c>
      <c r="J574" s="75"/>
      <c r="K574" s="76"/>
      <c r="L574" s="93"/>
      <c r="M574" s="93"/>
      <c r="N574" s="93"/>
      <c r="O574" s="93"/>
      <c r="P574" s="22"/>
      <c r="Q574" s="22"/>
      <c r="R574" s="22"/>
    </row>
    <row r="575" spans="1:18" s="137" customFormat="1" ht="56.1" customHeight="1" x14ac:dyDescent="0.15">
      <c r="A575" s="200" t="s">
        <v>654</v>
      </c>
      <c r="B575" s="144"/>
      <c r="C575" s="259" t="s">
        <v>655</v>
      </c>
      <c r="D575" s="260"/>
      <c r="E575" s="260"/>
      <c r="F575" s="260"/>
      <c r="G575" s="260"/>
      <c r="H575" s="261"/>
      <c r="I575" s="134" t="s">
        <v>656</v>
      </c>
      <c r="J575" s="105">
        <v>0</v>
      </c>
      <c r="K575" s="118" t="str">
        <f>IF(OR(COUNTIF(J575,"未確認")&gt;0,COUNTIF(J575,"*")&gt;0),"※","")</f>
        <v/>
      </c>
      <c r="L575" s="93"/>
      <c r="M575" s="93"/>
      <c r="N575" s="93"/>
      <c r="O575" s="93"/>
      <c r="P575" s="22"/>
      <c r="Q575" s="22"/>
      <c r="R575" s="22"/>
    </row>
    <row r="576" spans="1:18" s="137" customFormat="1" ht="69.95" customHeight="1" x14ac:dyDescent="0.15">
      <c r="A576" s="200" t="s">
        <v>657</v>
      </c>
      <c r="B576" s="107"/>
      <c r="C576" s="259" t="s">
        <v>658</v>
      </c>
      <c r="D576" s="266"/>
      <c r="E576" s="266"/>
      <c r="F576" s="266"/>
      <c r="G576" s="266"/>
      <c r="H576" s="267"/>
      <c r="I576" s="134" t="s">
        <v>659</v>
      </c>
      <c r="J576" s="105">
        <v>0</v>
      </c>
      <c r="K576" s="118" t="str">
        <f t="shared" ref="K576:K578" si="16">IF(OR(COUNTIF(J576,"未確認")&gt;0,COUNTIF(J576,"*")&gt;0),"※","")</f>
        <v/>
      </c>
      <c r="L576" s="93"/>
      <c r="M576" s="93"/>
      <c r="N576" s="93"/>
      <c r="O576" s="93"/>
      <c r="P576" s="22"/>
      <c r="Q576" s="22"/>
      <c r="R576" s="22"/>
    </row>
    <row r="577" spans="1:51" s="137" customFormat="1" ht="69.95" customHeight="1" x14ac:dyDescent="0.15">
      <c r="A577" s="200" t="s">
        <v>660</v>
      </c>
      <c r="B577" s="107"/>
      <c r="C577" s="259" t="s">
        <v>661</v>
      </c>
      <c r="D577" s="268"/>
      <c r="E577" s="268"/>
      <c r="F577" s="268"/>
      <c r="G577" s="268"/>
      <c r="H577" s="269"/>
      <c r="I577" s="134" t="s">
        <v>662</v>
      </c>
      <c r="J577" s="105">
        <v>0</v>
      </c>
      <c r="K577" s="118" t="str">
        <f t="shared" si="16"/>
        <v/>
      </c>
      <c r="L577" s="86"/>
      <c r="M577" s="220"/>
      <c r="N577" s="93"/>
      <c r="O577" s="93"/>
      <c r="P577" s="22"/>
      <c r="Q577" s="22"/>
      <c r="R577" s="22"/>
    </row>
    <row r="578" spans="1:51" s="137" customFormat="1" ht="69.95" customHeight="1" x14ac:dyDescent="0.15">
      <c r="A578" s="200" t="s">
        <v>663</v>
      </c>
      <c r="B578" s="107"/>
      <c r="C578" s="259" t="s">
        <v>664</v>
      </c>
      <c r="D578" s="260"/>
      <c r="E578" s="260"/>
      <c r="F578" s="260"/>
      <c r="G578" s="260"/>
      <c r="H578" s="261"/>
      <c r="I578" s="134" t="s">
        <v>665</v>
      </c>
      <c r="J578" s="105">
        <v>0</v>
      </c>
      <c r="K578" s="118" t="str">
        <f t="shared" si="16"/>
        <v/>
      </c>
      <c r="L578" s="86"/>
      <c r="M578" s="220"/>
      <c r="N578" s="93"/>
      <c r="O578" s="93"/>
      <c r="P578" s="22"/>
      <c r="Q578" s="22"/>
      <c r="R578" s="22"/>
    </row>
    <row r="579" spans="1:51" s="84" customFormat="1" x14ac:dyDescent="0.15">
      <c r="A579" s="176"/>
      <c r="B579" s="19"/>
      <c r="C579" s="19"/>
      <c r="D579" s="19"/>
      <c r="E579" s="19"/>
      <c r="F579" s="19"/>
      <c r="G579" s="19"/>
      <c r="H579" s="15"/>
      <c r="I579" s="15"/>
      <c r="J579" s="82"/>
      <c r="K579" s="83"/>
      <c r="L579" s="93"/>
      <c r="M579" s="93"/>
      <c r="N579" s="93"/>
      <c r="O579" s="93"/>
      <c r="P579" s="22"/>
      <c r="Q579" s="22"/>
      <c r="R579" s="22"/>
    </row>
    <row r="580" spans="1:51" s="81" customFormat="1" x14ac:dyDescent="0.15">
      <c r="A580" s="176"/>
      <c r="B580" s="88"/>
      <c r="C580" s="66"/>
      <c r="D580" s="66"/>
      <c r="E580" s="66"/>
      <c r="F580" s="66"/>
      <c r="G580" s="66"/>
      <c r="H580" s="91"/>
      <c r="I580" s="91"/>
      <c r="J580" s="82"/>
      <c r="K580" s="83"/>
      <c r="L580" s="83"/>
      <c r="M580" s="83"/>
      <c r="N580" s="83"/>
      <c r="O580" s="83"/>
      <c r="P580" s="22"/>
      <c r="Q580" s="22"/>
      <c r="R580" s="22"/>
    </row>
    <row r="581" spans="1:51" s="81" customFormat="1" x14ac:dyDescent="0.15">
      <c r="A581" s="176"/>
      <c r="B581" s="107"/>
      <c r="C581" s="107"/>
      <c r="D581" s="66"/>
      <c r="E581" s="66"/>
      <c r="F581" s="66"/>
      <c r="G581" s="66"/>
      <c r="H581" s="91"/>
      <c r="I581" s="140" t="s">
        <v>228</v>
      </c>
      <c r="J581" s="82"/>
      <c r="K581" s="83"/>
      <c r="L581" s="83"/>
      <c r="M581" s="83"/>
      <c r="N581" s="83"/>
      <c r="O581" s="83"/>
      <c r="P581" s="83"/>
      <c r="Q581" s="83"/>
      <c r="R581" s="83"/>
      <c r="S581" s="83"/>
      <c r="T581" s="83"/>
      <c r="U581" s="83"/>
      <c r="V581" s="83"/>
      <c r="W581" s="83"/>
      <c r="X581" s="83"/>
      <c r="Y581" s="83"/>
      <c r="Z581" s="83"/>
      <c r="AA581" s="83"/>
      <c r="AB581" s="83"/>
      <c r="AC581" s="83"/>
      <c r="AD581" s="83"/>
      <c r="AE581" s="83"/>
      <c r="AF581" s="83"/>
      <c r="AG581" s="83"/>
      <c r="AH581" s="83"/>
      <c r="AI581" s="83"/>
      <c r="AJ581" s="83"/>
      <c r="AK581" s="83"/>
      <c r="AL581" s="83"/>
      <c r="AM581" s="83"/>
      <c r="AN581" s="83"/>
      <c r="AO581" s="83"/>
      <c r="AP581" s="83"/>
      <c r="AQ581" s="83"/>
      <c r="AR581" s="83"/>
      <c r="AS581" s="83"/>
      <c r="AT581" s="83"/>
      <c r="AU581" s="83"/>
      <c r="AV581" s="83"/>
      <c r="AW581" s="83"/>
      <c r="AX581" s="83"/>
      <c r="AY581" s="83"/>
    </row>
    <row r="582" spans="1:51" s="81" customFormat="1" ht="36.75" customHeight="1" x14ac:dyDescent="0.15">
      <c r="A582" s="176"/>
      <c r="B582" s="107"/>
      <c r="C582" s="107"/>
      <c r="D582" s="66"/>
      <c r="E582" s="66"/>
      <c r="F582" s="66"/>
      <c r="G582" s="66"/>
      <c r="H582" s="91"/>
      <c r="I582" s="91"/>
      <c r="J582" s="82"/>
      <c r="K582" s="83"/>
      <c r="L582" s="83"/>
      <c r="M582" s="83"/>
      <c r="N582" s="83"/>
      <c r="O582" s="83"/>
      <c r="P582" s="22"/>
      <c r="Q582" s="22"/>
      <c r="R582" s="22"/>
    </row>
    <row r="583" spans="1:51" s="81" customFormat="1" x14ac:dyDescent="0.15">
      <c r="A583" s="176"/>
      <c r="B583" s="107"/>
      <c r="C583" s="107"/>
      <c r="D583" s="66"/>
      <c r="E583" s="66"/>
      <c r="F583" s="66"/>
      <c r="G583" s="66"/>
      <c r="H583" s="91"/>
      <c r="I583" s="91"/>
      <c r="J583" s="82"/>
      <c r="K583" s="83"/>
      <c r="L583" s="83"/>
      <c r="M583" s="83"/>
      <c r="N583" s="83"/>
      <c r="O583" s="83"/>
      <c r="P583" s="22"/>
      <c r="Q583" s="22"/>
      <c r="R583" s="22"/>
    </row>
    <row r="584" spans="1:51" s="137" customFormat="1" x14ac:dyDescent="0.15">
      <c r="A584" s="194"/>
      <c r="B584" s="147"/>
      <c r="C584" s="2"/>
      <c r="D584" s="2"/>
      <c r="E584" s="3"/>
      <c r="F584" s="2"/>
      <c r="G584" s="2"/>
      <c r="H584" s="4"/>
      <c r="I584" s="4"/>
      <c r="J584" s="5"/>
      <c r="K584" s="6"/>
      <c r="L584" s="5"/>
      <c r="M584" s="5"/>
      <c r="N584" s="8"/>
      <c r="O584" s="8"/>
    </row>
    <row r="585" spans="1:51" s="137" customFormat="1" x14ac:dyDescent="0.15">
      <c r="A585" s="194"/>
      <c r="B585" s="147"/>
      <c r="C585" s="2"/>
      <c r="D585" s="2"/>
      <c r="E585" s="3"/>
      <c r="F585" s="2"/>
      <c r="G585" s="2"/>
      <c r="H585" s="4"/>
      <c r="I585" s="4"/>
      <c r="J585" s="5"/>
      <c r="K585" s="6"/>
      <c r="L585" s="5"/>
      <c r="M585" s="5"/>
      <c r="N585" s="8"/>
      <c r="O585" s="8"/>
    </row>
    <row r="586" spans="1:51" s="137" customFormat="1" x14ac:dyDescent="0.15">
      <c r="A586" s="194"/>
      <c r="B586" s="147"/>
      <c r="C586" s="2"/>
      <c r="D586" s="2"/>
      <c r="E586" s="3"/>
      <c r="F586" s="2"/>
      <c r="G586" s="2"/>
      <c r="H586" s="4"/>
      <c r="I586" s="4"/>
      <c r="J586" s="5"/>
      <c r="K586" s="6"/>
      <c r="L586" s="5"/>
      <c r="M586" s="5"/>
      <c r="N586" s="8"/>
      <c r="O586" s="8"/>
    </row>
    <row r="587" spans="1:51" s="137" customFormat="1" x14ac:dyDescent="0.15">
      <c r="A587" s="194"/>
      <c r="B587" s="147"/>
      <c r="C587" s="2"/>
      <c r="D587" s="2"/>
      <c r="E587" s="3"/>
      <c r="F587" s="2"/>
      <c r="G587" s="2"/>
      <c r="H587" s="4"/>
      <c r="I587" s="4"/>
      <c r="J587" s="5"/>
      <c r="K587" s="6"/>
      <c r="L587" s="5"/>
      <c r="M587" s="5"/>
      <c r="N587" s="8"/>
      <c r="O587" s="8"/>
    </row>
    <row r="588" spans="1:51" s="137" customFormat="1" x14ac:dyDescent="0.15">
      <c r="A588" s="194"/>
      <c r="B588" s="147"/>
      <c r="C588" s="2"/>
      <c r="D588" s="2"/>
      <c r="E588" s="3"/>
      <c r="F588" s="2"/>
      <c r="G588" s="2"/>
      <c r="H588" s="4"/>
      <c r="I588" s="4"/>
      <c r="J588" s="5"/>
      <c r="K588" s="6"/>
      <c r="L588" s="5"/>
      <c r="M588" s="5"/>
      <c r="N588" s="8"/>
      <c r="O588" s="8"/>
    </row>
    <row r="589" spans="1:51" s="137" customFormat="1" x14ac:dyDescent="0.15">
      <c r="A589" s="194"/>
      <c r="B589" s="147"/>
      <c r="C589" s="2"/>
      <c r="D589" s="2"/>
      <c r="E589" s="3"/>
      <c r="F589" s="2"/>
      <c r="G589" s="2"/>
      <c r="H589" s="4"/>
      <c r="I589" s="4"/>
      <c r="J589" s="5"/>
      <c r="K589" s="6"/>
      <c r="L589" s="5"/>
      <c r="M589" s="5"/>
      <c r="N589" s="8"/>
      <c r="O589" s="8"/>
    </row>
    <row r="590" spans="1:51" s="137" customFormat="1" x14ac:dyDescent="0.15">
      <c r="A590" s="194"/>
      <c r="B590" s="147"/>
      <c r="C590" s="2"/>
      <c r="D590" s="2"/>
      <c r="E590" s="3"/>
      <c r="F590" s="2"/>
      <c r="G590" s="2"/>
      <c r="H590" s="4"/>
      <c r="I590" s="4"/>
      <c r="J590" s="5"/>
      <c r="K590" s="6"/>
      <c r="L590" s="5"/>
      <c r="M590" s="5"/>
      <c r="N590" s="8"/>
      <c r="O590" s="8"/>
    </row>
    <row r="591" spans="1:51" s="137" customFormat="1" x14ac:dyDescent="0.15">
      <c r="A591" s="194"/>
      <c r="B591" s="147"/>
      <c r="C591" s="2"/>
      <c r="D591" s="2"/>
      <c r="E591" s="3"/>
      <c r="F591" s="2"/>
      <c r="G591" s="2"/>
      <c r="H591" s="4"/>
      <c r="I591" s="4"/>
      <c r="J591" s="5"/>
      <c r="K591" s="6"/>
      <c r="L591" s="5"/>
      <c r="M591" s="5"/>
      <c r="N591" s="8"/>
      <c r="O591" s="8"/>
    </row>
    <row r="592" spans="1:51" s="137" customFormat="1" x14ac:dyDescent="0.15">
      <c r="A592" s="194"/>
      <c r="B592" s="147"/>
      <c r="C592" s="2"/>
      <c r="D592" s="2"/>
      <c r="E592" s="3"/>
      <c r="F592" s="2"/>
      <c r="G592" s="2"/>
      <c r="H592" s="4"/>
      <c r="I592" s="4"/>
      <c r="J592" s="5"/>
      <c r="K592" s="6"/>
      <c r="L592" s="5"/>
      <c r="M592" s="5"/>
      <c r="N592" s="8"/>
      <c r="O592" s="8"/>
    </row>
    <row r="593" spans="1:15" s="137" customFormat="1" x14ac:dyDescent="0.15">
      <c r="A593" s="194"/>
      <c r="B593" s="147"/>
      <c r="C593" s="2"/>
      <c r="D593" s="2"/>
      <c r="E593" s="3"/>
      <c r="F593" s="2"/>
      <c r="G593" s="2"/>
      <c r="H593" s="4"/>
      <c r="I593" s="4"/>
      <c r="J593" s="5"/>
      <c r="K593" s="6"/>
      <c r="L593" s="5"/>
      <c r="M593" s="5"/>
      <c r="N593" s="8"/>
      <c r="O593" s="8"/>
    </row>
    <row r="594" spans="1:15" s="137" customFormat="1" x14ac:dyDescent="0.15">
      <c r="A594" s="194"/>
      <c r="B594" s="147"/>
      <c r="C594" s="2"/>
      <c r="D594" s="2"/>
      <c r="E594" s="3"/>
      <c r="F594" s="2"/>
      <c r="G594" s="2"/>
      <c r="H594" s="4"/>
      <c r="I594" s="4"/>
      <c r="J594" s="5"/>
      <c r="K594" s="6"/>
      <c r="L594" s="5"/>
      <c r="M594" s="5"/>
      <c r="N594" s="8"/>
      <c r="O594" s="8"/>
    </row>
    <row r="595" spans="1:15" s="137" customFormat="1" x14ac:dyDescent="0.15">
      <c r="A595" s="194"/>
      <c r="B595" s="147"/>
      <c r="C595" s="2"/>
      <c r="D595" s="2"/>
      <c r="E595" s="3"/>
      <c r="F595" s="2"/>
      <c r="G595" s="2"/>
      <c r="H595" s="4"/>
      <c r="I595" s="4"/>
      <c r="J595" s="5"/>
      <c r="K595" s="6"/>
      <c r="L595" s="5"/>
      <c r="M595" s="5"/>
      <c r="N595" s="8"/>
      <c r="O595" s="8"/>
    </row>
    <row r="596" spans="1:15" s="137" customFormat="1" x14ac:dyDescent="0.15">
      <c r="A596" s="194"/>
      <c r="B596" s="147"/>
      <c r="C596" s="2"/>
      <c r="D596" s="2"/>
      <c r="E596" s="3"/>
      <c r="F596" s="2"/>
      <c r="G596" s="2"/>
      <c r="H596" s="4"/>
      <c r="I596" s="4"/>
      <c r="J596" s="5"/>
      <c r="K596" s="6"/>
      <c r="L596" s="5"/>
      <c r="M596" s="5"/>
      <c r="N596" s="8"/>
      <c r="O596" s="8"/>
    </row>
    <row r="597" spans="1:15" s="137" customFormat="1" x14ac:dyDescent="0.15">
      <c r="A597" s="194"/>
      <c r="B597" s="147"/>
      <c r="C597" s="2"/>
      <c r="D597" s="2"/>
      <c r="E597" s="3"/>
      <c r="F597" s="2"/>
      <c r="G597" s="2"/>
      <c r="H597" s="4"/>
      <c r="I597" s="4"/>
      <c r="J597" s="5"/>
      <c r="K597" s="6"/>
      <c r="L597" s="5"/>
      <c r="M597" s="5"/>
      <c r="N597" s="8"/>
      <c r="O597" s="8"/>
    </row>
    <row r="598" spans="1:15" s="137" customFormat="1" x14ac:dyDescent="0.15">
      <c r="A598" s="194"/>
      <c r="B598" s="147"/>
      <c r="C598" s="2"/>
      <c r="D598" s="2"/>
      <c r="E598" s="3"/>
      <c r="F598" s="2"/>
      <c r="G598" s="2"/>
      <c r="H598" s="4"/>
      <c r="I598" s="4"/>
      <c r="J598" s="5"/>
      <c r="K598" s="6"/>
      <c r="L598" s="5"/>
      <c r="M598" s="5"/>
      <c r="N598" s="8"/>
      <c r="O598" s="8"/>
    </row>
    <row r="599" spans="1:15" s="137" customFormat="1" x14ac:dyDescent="0.15">
      <c r="A599" s="194"/>
      <c r="B599" s="147"/>
      <c r="C599" s="2"/>
      <c r="D599" s="2"/>
      <c r="E599" s="3"/>
      <c r="F599" s="2"/>
      <c r="G599" s="2"/>
      <c r="H599" s="4"/>
      <c r="I599" s="4"/>
      <c r="J599" s="5"/>
      <c r="K599" s="6"/>
      <c r="L599" s="5"/>
      <c r="M599" s="5"/>
      <c r="N599" s="8"/>
      <c r="O599" s="8"/>
    </row>
    <row r="600" spans="1:15" s="137" customFormat="1" x14ac:dyDescent="0.15">
      <c r="A600" s="194"/>
      <c r="B600" s="147"/>
      <c r="C600" s="2"/>
      <c r="D600" s="2"/>
      <c r="E600" s="3"/>
      <c r="F600" s="2"/>
      <c r="G600" s="2"/>
      <c r="H600" s="4"/>
      <c r="I600" s="4"/>
      <c r="J600" s="5"/>
      <c r="K600" s="6"/>
      <c r="L600" s="5"/>
      <c r="M600" s="5"/>
      <c r="N600" s="8"/>
      <c r="O600" s="8"/>
    </row>
    <row r="601" spans="1:15" s="137" customFormat="1" x14ac:dyDescent="0.15">
      <c r="A601" s="194"/>
      <c r="B601" s="9"/>
      <c r="C601" s="2"/>
      <c r="D601" s="2"/>
      <c r="E601" s="3"/>
      <c r="F601" s="2"/>
      <c r="G601" s="2"/>
      <c r="H601" s="4"/>
      <c r="I601" s="4"/>
      <c r="J601" s="5"/>
      <c r="K601" s="6"/>
      <c r="L601" s="5"/>
      <c r="M601" s="5"/>
      <c r="N601" s="8"/>
      <c r="O601" s="8"/>
    </row>
    <row r="602" spans="1:15" s="137" customFormat="1" x14ac:dyDescent="0.15">
      <c r="A602" s="194"/>
      <c r="B602" s="9"/>
      <c r="C602" s="2"/>
      <c r="D602" s="2"/>
      <c r="E602" s="3"/>
      <c r="F602" s="2"/>
      <c r="G602" s="2"/>
      <c r="H602" s="4"/>
      <c r="I602" s="4"/>
      <c r="J602" s="5"/>
      <c r="K602" s="6"/>
      <c r="L602" s="5"/>
      <c r="M602" s="5"/>
      <c r="N602" s="8"/>
      <c r="O602" s="8"/>
    </row>
    <row r="603" spans="1:15" s="137" customFormat="1" x14ac:dyDescent="0.15">
      <c r="A603" s="194"/>
      <c r="B603" s="9"/>
      <c r="C603" s="2"/>
      <c r="D603" s="2"/>
      <c r="E603" s="3"/>
      <c r="F603" s="2"/>
      <c r="G603" s="2"/>
      <c r="H603" s="4"/>
      <c r="I603" s="4"/>
      <c r="J603" s="5"/>
      <c r="K603" s="6"/>
      <c r="L603" s="5"/>
      <c r="M603" s="5"/>
      <c r="N603" s="8"/>
      <c r="O603" s="8"/>
    </row>
  </sheetData>
  <mergeCells count="383">
    <mergeCell ref="L259:P259"/>
    <mergeCell ref="L258:P258"/>
    <mergeCell ref="L257:P257"/>
    <mergeCell ref="L256:P256"/>
    <mergeCell ref="I10:K10"/>
    <mergeCell ref="I11:K11"/>
    <mergeCell ref="I12:K12"/>
    <mergeCell ref="I13:K13"/>
    <mergeCell ref="I14:K14"/>
    <mergeCell ref="I16:K16"/>
    <mergeCell ref="I15:K15"/>
    <mergeCell ref="I27:K27"/>
    <mergeCell ref="I35:K35"/>
    <mergeCell ref="I36:K36"/>
    <mergeCell ref="I37:K37"/>
    <mergeCell ref="I38:K38"/>
    <mergeCell ref="I26:K26"/>
    <mergeCell ref="I28:K28"/>
    <mergeCell ref="I30:K30"/>
    <mergeCell ref="I39:K39"/>
    <mergeCell ref="D59:L59"/>
    <mergeCell ref="I29:K29"/>
    <mergeCell ref="I17:K17"/>
    <mergeCell ref="I22:K22"/>
    <mergeCell ref="I23:K23"/>
    <mergeCell ref="I24:K24"/>
    <mergeCell ref="I25:K25"/>
    <mergeCell ref="D60:L60"/>
    <mergeCell ref="D61:L61"/>
    <mergeCell ref="D62:L62"/>
    <mergeCell ref="D63:L63"/>
    <mergeCell ref="I44:K44"/>
    <mergeCell ref="I45:K45"/>
    <mergeCell ref="I46:K46"/>
    <mergeCell ref="I47:K47"/>
    <mergeCell ref="I48:K48"/>
    <mergeCell ref="I49:K49"/>
    <mergeCell ref="I50:K50"/>
    <mergeCell ref="I51:K51"/>
    <mergeCell ref="I52:K52"/>
    <mergeCell ref="I53:K53"/>
    <mergeCell ref="C76:H76"/>
    <mergeCell ref="C77:H77"/>
    <mergeCell ref="C78:H78"/>
    <mergeCell ref="C73:H73"/>
    <mergeCell ref="J70:O70"/>
    <mergeCell ref="C75:H75"/>
    <mergeCell ref="C74:H74"/>
    <mergeCell ref="C70:H70"/>
    <mergeCell ref="J71:O71"/>
    <mergeCell ref="C71:H71"/>
    <mergeCell ref="C72:H72"/>
    <mergeCell ref="J72:O72"/>
    <mergeCell ref="J73:O73"/>
    <mergeCell ref="J74:O74"/>
    <mergeCell ref="J75:O75"/>
    <mergeCell ref="J76:O76"/>
    <mergeCell ref="J77:O77"/>
    <mergeCell ref="J78:O78"/>
    <mergeCell ref="C79:H79"/>
    <mergeCell ref="C93:H93"/>
    <mergeCell ref="E101:H101"/>
    <mergeCell ref="I101:I114"/>
    <mergeCell ref="E102:F102"/>
    <mergeCell ref="G102:H102"/>
    <mergeCell ref="E103:H103"/>
    <mergeCell ref="C101:D104"/>
    <mergeCell ref="E104:H104"/>
    <mergeCell ref="E111:H111"/>
    <mergeCell ref="E112:F112"/>
    <mergeCell ref="G112:H112"/>
    <mergeCell ref="E113:F113"/>
    <mergeCell ref="G113:H113"/>
    <mergeCell ref="C114:H114"/>
    <mergeCell ref="C122:H122"/>
    <mergeCell ref="I122:I125"/>
    <mergeCell ref="E123:H125"/>
    <mergeCell ref="C133:H133"/>
    <mergeCell ref="I133:I135"/>
    <mergeCell ref="C134:H134"/>
    <mergeCell ref="C135:H135"/>
    <mergeCell ref="C105:D113"/>
    <mergeCell ref="E105:H105"/>
    <mergeCell ref="E106:F106"/>
    <mergeCell ref="G106:H106"/>
    <mergeCell ref="E107:F107"/>
    <mergeCell ref="G107:H107"/>
    <mergeCell ref="E108:H108"/>
    <mergeCell ref="E109:F109"/>
    <mergeCell ref="G110:H110"/>
    <mergeCell ref="E110:F110"/>
    <mergeCell ref="G109:H109"/>
    <mergeCell ref="I349:I354"/>
    <mergeCell ref="C350:H350"/>
    <mergeCell ref="C351:H351"/>
    <mergeCell ref="C352:H352"/>
    <mergeCell ref="C353:H353"/>
    <mergeCell ref="C354:H354"/>
    <mergeCell ref="C349:H349"/>
    <mergeCell ref="G152:H152"/>
    <mergeCell ref="C153:F154"/>
    <mergeCell ref="G153:H153"/>
    <mergeCell ref="G154:H154"/>
    <mergeCell ref="C155:F156"/>
    <mergeCell ref="G155:H155"/>
    <mergeCell ref="G156:H156"/>
    <mergeCell ref="C177:F178"/>
    <mergeCell ref="G177:H177"/>
    <mergeCell ref="G178:H178"/>
    <mergeCell ref="C186:H186"/>
    <mergeCell ref="I186:I198"/>
    <mergeCell ref="C187:F198"/>
    <mergeCell ref="G187:G188"/>
    <mergeCell ref="G189:G190"/>
    <mergeCell ref="G191:G192"/>
    <mergeCell ref="G193:G194"/>
    <mergeCell ref="I151:I178"/>
    <mergeCell ref="G195:G196"/>
    <mergeCell ref="G172:H172"/>
    <mergeCell ref="C165:F166"/>
    <mergeCell ref="G165:H165"/>
    <mergeCell ref="G166:H166"/>
    <mergeCell ref="G158:H158"/>
    <mergeCell ref="C159:F160"/>
    <mergeCell ref="G159:H159"/>
    <mergeCell ref="G160:H160"/>
    <mergeCell ref="C167:F168"/>
    <mergeCell ref="G167:H167"/>
    <mergeCell ref="G168:H168"/>
    <mergeCell ref="C161:F162"/>
    <mergeCell ref="G161:H161"/>
    <mergeCell ref="G162:H162"/>
    <mergeCell ref="C163:F164"/>
    <mergeCell ref="G163:H163"/>
    <mergeCell ref="G164:H164"/>
    <mergeCell ref="C206:D209"/>
    <mergeCell ref="E206:F208"/>
    <mergeCell ref="G206:H206"/>
    <mergeCell ref="I206:I209"/>
    <mergeCell ref="G207:H207"/>
    <mergeCell ref="G208:H208"/>
    <mergeCell ref="E209:H209"/>
    <mergeCell ref="C143:H143"/>
    <mergeCell ref="C151:F152"/>
    <mergeCell ref="G151:H151"/>
    <mergeCell ref="G197:G198"/>
    <mergeCell ref="C173:F174"/>
    <mergeCell ref="G173:H173"/>
    <mergeCell ref="G174:H174"/>
    <mergeCell ref="C175:F176"/>
    <mergeCell ref="G175:H175"/>
    <mergeCell ref="G176:H176"/>
    <mergeCell ref="C169:F170"/>
    <mergeCell ref="G169:H169"/>
    <mergeCell ref="G170:H170"/>
    <mergeCell ref="C171:F172"/>
    <mergeCell ref="G171:H171"/>
    <mergeCell ref="C157:F158"/>
    <mergeCell ref="G157:H157"/>
    <mergeCell ref="E221:H221"/>
    <mergeCell ref="C210:D212"/>
    <mergeCell ref="E210:H210"/>
    <mergeCell ref="I210:I212"/>
    <mergeCell ref="E211:H211"/>
    <mergeCell ref="E212:H212"/>
    <mergeCell ref="C213:D222"/>
    <mergeCell ref="E213:H213"/>
    <mergeCell ref="E214:H214"/>
    <mergeCell ref="I214:I215"/>
    <mergeCell ref="E215:H215"/>
    <mergeCell ref="E216:H216"/>
    <mergeCell ref="E217:H217"/>
    <mergeCell ref="E218:H218"/>
    <mergeCell ref="E219:H219"/>
    <mergeCell ref="E220:H220"/>
    <mergeCell ref="C245:H249"/>
    <mergeCell ref="I245:I249"/>
    <mergeCell ref="L254:P254"/>
    <mergeCell ref="L255:P255"/>
    <mergeCell ref="E222:H222"/>
    <mergeCell ref="C230:H230"/>
    <mergeCell ref="I230:I236"/>
    <mergeCell ref="C231:H231"/>
    <mergeCell ref="C232:H232"/>
    <mergeCell ref="C233:H233"/>
    <mergeCell ref="C234:H234"/>
    <mergeCell ref="C235:H235"/>
    <mergeCell ref="C236:H236"/>
    <mergeCell ref="E306:H306"/>
    <mergeCell ref="E307:H307"/>
    <mergeCell ref="E308:H308"/>
    <mergeCell ref="E296:H296"/>
    <mergeCell ref="C269:C273"/>
    <mergeCell ref="D269:H269"/>
    <mergeCell ref="I269:I273"/>
    <mergeCell ref="D270:D271"/>
    <mergeCell ref="E270:H270"/>
    <mergeCell ref="E271:H271"/>
    <mergeCell ref="D272:H272"/>
    <mergeCell ref="D273:H273"/>
    <mergeCell ref="C281:C296"/>
    <mergeCell ref="D281:H281"/>
    <mergeCell ref="E294:H294"/>
    <mergeCell ref="E295:H295"/>
    <mergeCell ref="L336:P336"/>
    <mergeCell ref="L337:P337"/>
    <mergeCell ref="L338:P338"/>
    <mergeCell ref="L339:P339"/>
    <mergeCell ref="L340:P340"/>
    <mergeCell ref="L335:P335"/>
    <mergeCell ref="E285:H285"/>
    <mergeCell ref="I281:I296"/>
    <mergeCell ref="D282:D287"/>
    <mergeCell ref="E282:H282"/>
    <mergeCell ref="E283:H283"/>
    <mergeCell ref="E284:H284"/>
    <mergeCell ref="E286:H286"/>
    <mergeCell ref="E287:H287"/>
    <mergeCell ref="D288:H288"/>
    <mergeCell ref="E293:H293"/>
    <mergeCell ref="D289:D296"/>
    <mergeCell ref="E289:H289"/>
    <mergeCell ref="E290:H290"/>
    <mergeCell ref="E291:H291"/>
    <mergeCell ref="E292:H292"/>
    <mergeCell ref="C304:H304"/>
    <mergeCell ref="I304:I308"/>
    <mergeCell ref="E305:H305"/>
    <mergeCell ref="C316:H316"/>
    <mergeCell ref="I316:I317"/>
    <mergeCell ref="C317:H317"/>
    <mergeCell ref="C325:H325"/>
    <mergeCell ref="I325:I330"/>
    <mergeCell ref="E326:H326"/>
    <mergeCell ref="E327:H327"/>
    <mergeCell ref="C328:H328"/>
    <mergeCell ref="E329:H329"/>
    <mergeCell ref="E330:H330"/>
    <mergeCell ref="C362:H362"/>
    <mergeCell ref="I362:I374"/>
    <mergeCell ref="D363:D374"/>
    <mergeCell ref="E363:H363"/>
    <mergeCell ref="E364:H364"/>
    <mergeCell ref="E365:H365"/>
    <mergeCell ref="E366:H366"/>
    <mergeCell ref="E367:H367"/>
    <mergeCell ref="E368:H368"/>
    <mergeCell ref="E369:H369"/>
    <mergeCell ref="C450:H450"/>
    <mergeCell ref="C451:H451"/>
    <mergeCell ref="C413:H413"/>
    <mergeCell ref="C418:F418"/>
    <mergeCell ref="C419:H419"/>
    <mergeCell ref="C424:F424"/>
    <mergeCell ref="C425:H425"/>
    <mergeCell ref="C431:H431"/>
    <mergeCell ref="C432:H432"/>
    <mergeCell ref="C433:H433"/>
    <mergeCell ref="C434:H434"/>
    <mergeCell ref="C436:H436"/>
    <mergeCell ref="C437:H437"/>
    <mergeCell ref="C445:H445"/>
    <mergeCell ref="C446:H446"/>
    <mergeCell ref="C447:H447"/>
    <mergeCell ref="C448:H448"/>
    <mergeCell ref="C449:H449"/>
    <mergeCell ref="C430:F430"/>
    <mergeCell ref="C435:H435"/>
    <mergeCell ref="I433:I435"/>
    <mergeCell ref="I470:I471"/>
    <mergeCell ref="E471:H471"/>
    <mergeCell ref="C472:H472"/>
    <mergeCell ref="I472:I473"/>
    <mergeCell ref="E473:H473"/>
    <mergeCell ref="C452:H452"/>
    <mergeCell ref="C453:H453"/>
    <mergeCell ref="C454:H454"/>
    <mergeCell ref="C455:H455"/>
    <mergeCell ref="C468:H468"/>
    <mergeCell ref="C480:H480"/>
    <mergeCell ref="C488:H488"/>
    <mergeCell ref="C489:H489"/>
    <mergeCell ref="C492:H492"/>
    <mergeCell ref="C456:H456"/>
    <mergeCell ref="C457:H457"/>
    <mergeCell ref="C465:H465"/>
    <mergeCell ref="C466:H466"/>
    <mergeCell ref="C467:H467"/>
    <mergeCell ref="C469:H469"/>
    <mergeCell ref="C470:H470"/>
    <mergeCell ref="C474:H474"/>
    <mergeCell ref="C475:H475"/>
    <mergeCell ref="C476:H476"/>
    <mergeCell ref="C477:H477"/>
    <mergeCell ref="C478:H478"/>
    <mergeCell ref="C479:H479"/>
    <mergeCell ref="C490:H490"/>
    <mergeCell ref="C491:H491"/>
    <mergeCell ref="C493:H493"/>
    <mergeCell ref="C512:H512"/>
    <mergeCell ref="C513:H513"/>
    <mergeCell ref="C495:H495"/>
    <mergeCell ref="C496:H496"/>
    <mergeCell ref="C497:H497"/>
    <mergeCell ref="C498:H498"/>
    <mergeCell ref="C506:H506"/>
    <mergeCell ref="C507:H507"/>
    <mergeCell ref="I488:I490"/>
    <mergeCell ref="C508:H508"/>
    <mergeCell ref="C509:H509"/>
    <mergeCell ref="C510:H510"/>
    <mergeCell ref="C511:H511"/>
    <mergeCell ref="C494:H494"/>
    <mergeCell ref="C577:H577"/>
    <mergeCell ref="C578:H578"/>
    <mergeCell ref="E529:H529"/>
    <mergeCell ref="C530:H530"/>
    <mergeCell ref="C532:H532"/>
    <mergeCell ref="C533:H533"/>
    <mergeCell ref="C521:H521"/>
    <mergeCell ref="E522:H522"/>
    <mergeCell ref="E523:H523"/>
    <mergeCell ref="E524:H524"/>
    <mergeCell ref="E525:H525"/>
    <mergeCell ref="E526:H526"/>
    <mergeCell ref="C531:H531"/>
    <mergeCell ref="E527:H527"/>
    <mergeCell ref="E528:H528"/>
    <mergeCell ref="C554:H554"/>
    <mergeCell ref="C555:H555"/>
    <mergeCell ref="C556:H556"/>
    <mergeCell ref="C564:H564"/>
    <mergeCell ref="C565:H565"/>
    <mergeCell ref="C566:H566"/>
    <mergeCell ref="C567:H567"/>
    <mergeCell ref="C575:H575"/>
    <mergeCell ref="C576:H576"/>
    <mergeCell ref="C534:H534"/>
    <mergeCell ref="C535:H535"/>
    <mergeCell ref="C542:H542"/>
    <mergeCell ref="C543:H543"/>
    <mergeCell ref="C544:H544"/>
    <mergeCell ref="I544:I546"/>
    <mergeCell ref="E545:H545"/>
    <mergeCell ref="E546:F546"/>
    <mergeCell ref="G546:H546"/>
    <mergeCell ref="J79:O79"/>
    <mergeCell ref="J80:O80"/>
    <mergeCell ref="C412:H412"/>
    <mergeCell ref="C402:H402"/>
    <mergeCell ref="C403:H403"/>
    <mergeCell ref="C404:H404"/>
    <mergeCell ref="C405:H405"/>
    <mergeCell ref="C410:F410"/>
    <mergeCell ref="C411:H411"/>
    <mergeCell ref="C390:H390"/>
    <mergeCell ref="C397:F397"/>
    <mergeCell ref="C398:H398"/>
    <mergeCell ref="C399:H399"/>
    <mergeCell ref="C400:H400"/>
    <mergeCell ref="C401:H401"/>
    <mergeCell ref="E384:H384"/>
    <mergeCell ref="E383:H383"/>
    <mergeCell ref="E370:H370"/>
    <mergeCell ref="E371:H371"/>
    <mergeCell ref="E372:H372"/>
    <mergeCell ref="E373:H373"/>
    <mergeCell ref="E374:H374"/>
    <mergeCell ref="C375:H375"/>
    <mergeCell ref="E378:H378"/>
    <mergeCell ref="I375:I387"/>
    <mergeCell ref="D376:D387"/>
    <mergeCell ref="E376:H376"/>
    <mergeCell ref="E377:H377"/>
    <mergeCell ref="E385:H385"/>
    <mergeCell ref="E386:H386"/>
    <mergeCell ref="E387:H387"/>
    <mergeCell ref="C388:H388"/>
    <mergeCell ref="C389:H389"/>
    <mergeCell ref="E379:H379"/>
    <mergeCell ref="E380:H380"/>
    <mergeCell ref="E381:H381"/>
    <mergeCell ref="E382:H382"/>
  </mergeCells>
  <phoneticPr fontId="3"/>
  <hyperlinks>
    <hyperlink ref="C70:H70" location="診療所!B92" display="・設置主体"/>
    <hyperlink ref="I70" location="診療所!B268" display="・入院患者の状況（年間）"/>
    <hyperlink ref="J70:O70" location="診療所!B348" display="・算定する入院基本料の状況"/>
    <hyperlink ref="C71:H71" location="診療所!B100" display="・病床の状況"/>
    <hyperlink ref="I71" location="診療所!B280" display="・入院患者の状況（月間／入院前の場所・退院先の場所の状況）"/>
    <hyperlink ref="J71:O71" location="診療所!B361" display="・手術の状況"/>
    <hyperlink ref="C72:H72" location="診療所!B121" display="・診療科"/>
    <hyperlink ref="I72" location="診療所!B303" display="・退院後に在宅医療を必要とする患者の状況"/>
    <hyperlink ref="J72:O72" location="診療所!B397" display="・がん、脳卒中、心筋梗塞、分娩、精神医療への対応状況"/>
    <hyperlink ref="C73:H73" location="診療所!B132" display="・入院基本料及び届出病床数"/>
    <hyperlink ref="I73" location="診療所!B315" display="・在宅医療を行った患者数"/>
    <hyperlink ref="J73:O73" location="診療所!B444" display="・重症患者への対応状況"/>
    <hyperlink ref="C74:H74" location="診療所!B142" display="・在宅療養支援診療所の届出状況"/>
    <hyperlink ref="I74" location="診療所!B324" display="・看取りを行った患者数"/>
    <hyperlink ref="J74:O74" location="診療所!B464" display="・救急医療の実施状況"/>
    <hyperlink ref="C75:H75" location="診療所!B150" display="・職員数の状況"/>
    <hyperlink ref="J75:O75" location="診療所!B487" display="・急性期後の支援、在宅復帰の支援の状況"/>
    <hyperlink ref="C76:H76" location="診療所!B185" display="・退院調整部門の設置状況"/>
    <hyperlink ref="J76:O76" location="診療所!B505" display="・全身管理の状況"/>
    <hyperlink ref="C77:H77" location="診療所!B205" display="・医療機器の台数"/>
    <hyperlink ref="J77:O77" location="診療所!B520" display="・リハビリテーションの実施状況"/>
    <hyperlink ref="C78:H78" location="診療所!B229" display="・有床診療所の病床の役割"/>
    <hyperlink ref="J78:O78" location="診療所!B553" display="・長期療養患者の受入状況"/>
    <hyperlink ref="C79:H79" location="診療所!B244" display="・過去1年間の間に病棟の再編・見直しがあった場合の報告対象期間"/>
    <hyperlink ref="J79:O79" location="診療所!B563" display="・重度の障害児等の受入状況"/>
    <hyperlink ref="J80:O80" location="診療所!B575" display="・医科歯科の連携状況"/>
    <hyperlink ref="I252" location="診療所!B61" display="メニューへ戻る"/>
    <hyperlink ref="I333" location="診療所!B61" display="メニューへ戻る"/>
    <hyperlink ref="I581" location="診療所!B61" display="メニューへ戻る"/>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1"/>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125" style="9" customWidth="1"/>
    <col min="3" max="4" width="4.625" style="2" customWidth="1"/>
    <col min="5" max="5" width="4.625" style="3" customWidth="1"/>
    <col min="6" max="6" width="4.625" style="2" customWidth="1"/>
    <col min="7" max="7" width="22.375" style="2" customWidth="1"/>
    <col min="8" max="8" width="25.5" style="4" customWidth="1"/>
    <col min="9" max="9" width="56.125" style="4" customWidth="1"/>
    <col min="10" max="10" width="11.375" style="5" customWidth="1"/>
    <col min="11" max="11" width="3.875" style="6" customWidth="1"/>
    <col min="12" max="13" width="11.375" style="5" customWidth="1"/>
    <col min="14" max="15" width="11.375" style="8" customWidth="1"/>
    <col min="16" max="19" width="9" style="9" customWidth="1"/>
    <col min="20" max="16384" width="9" style="9"/>
  </cols>
  <sheetData>
    <row r="1" spans="1:15" x14ac:dyDescent="0.15">
      <c r="A1" s="185"/>
      <c r="B1" s="1"/>
      <c r="N1" s="7"/>
    </row>
    <row r="2" spans="1:15" x14ac:dyDescent="0.15">
      <c r="A2" s="185"/>
      <c r="B2" s="1"/>
    </row>
    <row r="3" spans="1:15" ht="18.75" x14ac:dyDescent="0.15">
      <c r="A3" s="185"/>
      <c r="B3" s="10" t="s">
        <v>666</v>
      </c>
      <c r="C3" s="11"/>
      <c r="D3" s="11"/>
      <c r="E3" s="11"/>
      <c r="F3" s="11"/>
      <c r="G3" s="11"/>
      <c r="H3" s="12"/>
      <c r="I3" s="12"/>
    </row>
    <row r="4" spans="1:15" x14ac:dyDescent="0.15">
      <c r="A4" s="185"/>
      <c r="B4" s="13" t="s">
        <v>667</v>
      </c>
      <c r="C4" s="14"/>
      <c r="D4" s="14"/>
      <c r="E4" s="14"/>
      <c r="F4" s="14"/>
      <c r="G4" s="14"/>
      <c r="H4" s="15"/>
      <c r="I4" s="15"/>
    </row>
    <row r="5" spans="1:15" x14ac:dyDescent="0.15">
      <c r="A5" s="185"/>
      <c r="B5" s="359" t="s">
        <v>668</v>
      </c>
      <c r="C5" s="360"/>
      <c r="D5" s="360"/>
      <c r="E5" s="360"/>
      <c r="F5" s="360"/>
      <c r="G5" s="16"/>
      <c r="H5" s="17"/>
      <c r="I5" s="17"/>
    </row>
    <row r="6" spans="1:15" x14ac:dyDescent="0.15">
      <c r="A6" s="185"/>
      <c r="B6" s="18"/>
    </row>
    <row r="7" spans="1:15" x14ac:dyDescent="0.15">
      <c r="A7" s="185"/>
      <c r="B7" s="18"/>
    </row>
    <row r="8" spans="1:15" s="22" customFormat="1" x14ac:dyDescent="0.15">
      <c r="A8" s="185"/>
      <c r="B8" s="19" t="s">
        <v>669</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58" t="s">
        <v>3</v>
      </c>
      <c r="J10" s="358"/>
      <c r="K10" s="358"/>
      <c r="L10" s="24" t="s">
        <v>4</v>
      </c>
      <c r="M10" s="5"/>
      <c r="N10" s="8"/>
      <c r="O10" s="8"/>
    </row>
    <row r="11" spans="1:15" s="22" customFormat="1" x14ac:dyDescent="0.15">
      <c r="A11" s="185"/>
      <c r="B11" s="18"/>
      <c r="C11" s="20"/>
      <c r="D11" s="20"/>
      <c r="E11" s="20"/>
      <c r="F11" s="20"/>
      <c r="G11" s="20"/>
      <c r="H11" s="21"/>
      <c r="I11" s="356" t="s">
        <v>6</v>
      </c>
      <c r="J11" s="356"/>
      <c r="K11" s="356"/>
      <c r="L11" s="25"/>
      <c r="M11" s="5"/>
      <c r="N11" s="8"/>
      <c r="O11" s="8"/>
    </row>
    <row r="12" spans="1:15" s="22" customFormat="1" x14ac:dyDescent="0.15">
      <c r="A12" s="185"/>
      <c r="B12" s="26"/>
      <c r="C12" s="20"/>
      <c r="D12" s="20"/>
      <c r="E12" s="20"/>
      <c r="F12" s="20"/>
      <c r="G12" s="20"/>
      <c r="H12" s="21"/>
      <c r="I12" s="356" t="s">
        <v>7</v>
      </c>
      <c r="J12" s="356"/>
      <c r="K12" s="356"/>
      <c r="L12" s="27" t="s">
        <v>670</v>
      </c>
      <c r="M12" s="5"/>
      <c r="N12" s="8"/>
      <c r="O12" s="8"/>
    </row>
    <row r="13" spans="1:15" s="22" customFormat="1" x14ac:dyDescent="0.15">
      <c r="A13" s="185"/>
      <c r="B13" s="26"/>
      <c r="C13" s="20"/>
      <c r="D13" s="20"/>
      <c r="E13" s="20"/>
      <c r="F13" s="20"/>
      <c r="G13" s="20"/>
      <c r="H13" s="21"/>
      <c r="I13" s="356" t="s">
        <v>8</v>
      </c>
      <c r="J13" s="356"/>
      <c r="K13" s="356"/>
      <c r="L13" s="28"/>
      <c r="M13" s="5"/>
      <c r="N13" s="8"/>
      <c r="O13" s="8"/>
    </row>
    <row r="14" spans="1:15" s="22" customFormat="1" x14ac:dyDescent="0.15">
      <c r="A14" s="185"/>
      <c r="B14" s="18"/>
      <c r="C14" s="20"/>
      <c r="D14" s="20"/>
      <c r="E14" s="20"/>
      <c r="F14" s="20"/>
      <c r="G14" s="20"/>
      <c r="H14" s="21"/>
      <c r="I14" s="356" t="s">
        <v>9</v>
      </c>
      <c r="J14" s="356"/>
      <c r="K14" s="356"/>
      <c r="L14" s="29"/>
      <c r="M14" s="5"/>
      <c r="N14" s="8"/>
      <c r="O14" s="8"/>
    </row>
    <row r="15" spans="1:15" s="22" customFormat="1" x14ac:dyDescent="0.15">
      <c r="A15" s="185"/>
      <c r="B15" s="18"/>
      <c r="C15" s="20"/>
      <c r="D15" s="20"/>
      <c r="E15" s="20"/>
      <c r="F15" s="20"/>
      <c r="G15" s="20"/>
      <c r="H15" s="21"/>
      <c r="I15" s="356" t="s">
        <v>671</v>
      </c>
      <c r="J15" s="356"/>
      <c r="K15" s="356"/>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672</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0" t="s">
        <v>3</v>
      </c>
      <c r="J20" s="351"/>
      <c r="K20" s="352"/>
      <c r="L20" s="24" t="s">
        <v>4</v>
      </c>
      <c r="M20" s="5"/>
      <c r="N20" s="8"/>
      <c r="O20" s="8"/>
    </row>
    <row r="21" spans="1:15" s="22" customFormat="1" x14ac:dyDescent="0.15">
      <c r="A21" s="185"/>
      <c r="B21" s="18"/>
      <c r="C21" s="20"/>
      <c r="D21" s="20"/>
      <c r="E21" s="20"/>
      <c r="F21" s="20"/>
      <c r="G21" s="20"/>
      <c r="H21" s="21"/>
      <c r="I21" s="353" t="s">
        <v>6</v>
      </c>
      <c r="J21" s="354"/>
      <c r="K21" s="355"/>
      <c r="L21" s="25"/>
      <c r="M21" s="5"/>
      <c r="N21" s="8"/>
      <c r="O21" s="8"/>
    </row>
    <row r="22" spans="1:15" s="22" customFormat="1" x14ac:dyDescent="0.15">
      <c r="A22" s="185"/>
      <c r="B22" s="26"/>
      <c r="C22" s="20"/>
      <c r="D22" s="20"/>
      <c r="E22" s="20"/>
      <c r="F22" s="20"/>
      <c r="G22" s="20"/>
      <c r="H22" s="21"/>
      <c r="I22" s="353" t="s">
        <v>7</v>
      </c>
      <c r="J22" s="354"/>
      <c r="K22" s="355"/>
      <c r="L22" s="27" t="s">
        <v>670</v>
      </c>
      <c r="M22" s="5"/>
      <c r="N22" s="8"/>
      <c r="O22" s="8"/>
    </row>
    <row r="23" spans="1:15" s="22" customFormat="1" x14ac:dyDescent="0.15">
      <c r="A23" s="185"/>
      <c r="B23" s="26"/>
      <c r="C23" s="20"/>
      <c r="D23" s="20"/>
      <c r="E23" s="20"/>
      <c r="F23" s="20"/>
      <c r="G23" s="20"/>
      <c r="H23" s="21"/>
      <c r="I23" s="353" t="s">
        <v>8</v>
      </c>
      <c r="J23" s="354"/>
      <c r="K23" s="355"/>
      <c r="L23" s="28"/>
      <c r="M23" s="5"/>
      <c r="N23" s="8"/>
      <c r="O23" s="8"/>
    </row>
    <row r="24" spans="1:15" s="22" customFormat="1" x14ac:dyDescent="0.15">
      <c r="A24" s="185"/>
      <c r="B24" s="18"/>
      <c r="C24" s="20"/>
      <c r="D24" s="20"/>
      <c r="E24" s="20"/>
      <c r="F24" s="20"/>
      <c r="G24" s="20"/>
      <c r="H24" s="21"/>
      <c r="I24" s="353" t="s">
        <v>9</v>
      </c>
      <c r="J24" s="354"/>
      <c r="K24" s="355"/>
      <c r="L24" s="29"/>
      <c r="M24" s="5"/>
      <c r="N24" s="8"/>
      <c r="O24" s="8"/>
    </row>
    <row r="25" spans="1:15" s="22" customFormat="1" x14ac:dyDescent="0.15">
      <c r="A25" s="185"/>
      <c r="B25" s="18"/>
      <c r="C25" s="20"/>
      <c r="D25" s="20"/>
      <c r="E25" s="20"/>
      <c r="F25" s="20"/>
      <c r="G25" s="20"/>
      <c r="H25" s="21"/>
      <c r="I25" s="353" t="s">
        <v>671</v>
      </c>
      <c r="J25" s="354"/>
      <c r="K25" s="355"/>
      <c r="L25" s="30"/>
      <c r="M25" s="5"/>
      <c r="N25" s="8"/>
      <c r="O25" s="8"/>
    </row>
    <row r="26" spans="1:15" s="22" customFormat="1" x14ac:dyDescent="0.15">
      <c r="A26" s="185"/>
      <c r="B26" s="18"/>
      <c r="C26" s="20"/>
      <c r="D26" s="20"/>
      <c r="E26" s="20"/>
      <c r="F26" s="20"/>
      <c r="G26" s="20"/>
      <c r="H26" s="21"/>
      <c r="I26" s="353" t="s">
        <v>18</v>
      </c>
      <c r="J26" s="354"/>
      <c r="K26" s="355"/>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673</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0" t="s">
        <v>20</v>
      </c>
      <c r="J31" s="351"/>
      <c r="K31" s="352"/>
      <c r="L31" s="24" t="s">
        <v>4</v>
      </c>
      <c r="M31" s="5"/>
      <c r="N31" s="8"/>
      <c r="O31" s="8"/>
    </row>
    <row r="32" spans="1:15" s="22" customFormat="1" x14ac:dyDescent="0.15">
      <c r="A32" s="185"/>
      <c r="B32" s="18"/>
      <c r="C32" s="20"/>
      <c r="D32" s="20"/>
      <c r="E32" s="20"/>
      <c r="F32" s="20"/>
      <c r="G32" s="20"/>
      <c r="H32" s="21"/>
      <c r="I32" s="353" t="s">
        <v>22</v>
      </c>
      <c r="J32" s="354"/>
      <c r="K32" s="355"/>
      <c r="L32" s="25"/>
      <c r="M32" s="5"/>
      <c r="N32" s="8"/>
      <c r="O32" s="8"/>
    </row>
    <row r="33" spans="1:72" s="22" customFormat="1" x14ac:dyDescent="0.15">
      <c r="A33" s="185"/>
      <c r="B33" s="26"/>
      <c r="C33" s="20"/>
      <c r="D33" s="20"/>
      <c r="E33" s="20"/>
      <c r="F33" s="20"/>
      <c r="G33" s="20"/>
      <c r="H33" s="21"/>
      <c r="I33" s="353" t="s">
        <v>23</v>
      </c>
      <c r="J33" s="354"/>
      <c r="K33" s="355"/>
      <c r="L33" s="27"/>
      <c r="M33" s="5"/>
      <c r="N33" s="8"/>
      <c r="O33" s="8"/>
    </row>
    <row r="34" spans="1:72" s="22" customFormat="1" x14ac:dyDescent="0.15">
      <c r="A34" s="185"/>
      <c r="B34" s="26"/>
      <c r="C34" s="20"/>
      <c r="D34" s="20"/>
      <c r="E34" s="20"/>
      <c r="F34" s="20"/>
      <c r="G34" s="20"/>
      <c r="H34" s="21"/>
      <c r="I34" s="353" t="s">
        <v>24</v>
      </c>
      <c r="J34" s="354"/>
      <c r="K34" s="355"/>
      <c r="L34" s="34"/>
      <c r="M34" s="5"/>
      <c r="N34" s="8"/>
      <c r="O34" s="8"/>
    </row>
    <row r="35" spans="1:72" s="22" customFormat="1" x14ac:dyDescent="0.15">
      <c r="A35" s="185"/>
      <c r="B35" s="18"/>
      <c r="C35" s="20"/>
      <c r="D35" s="20"/>
      <c r="E35" s="20"/>
      <c r="F35" s="20"/>
      <c r="G35" s="20"/>
      <c r="H35" s="21"/>
      <c r="I35" s="353" t="s">
        <v>25</v>
      </c>
      <c r="J35" s="354"/>
      <c r="K35" s="355"/>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30</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7" t="s">
        <v>31</v>
      </c>
      <c r="E39" s="357"/>
      <c r="F39" s="357"/>
      <c r="G39" s="357"/>
      <c r="H39" s="357"/>
      <c r="I39" s="357"/>
      <c r="J39" s="357"/>
      <c r="K39" s="357"/>
      <c r="L39" s="357"/>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49" t="s">
        <v>32</v>
      </c>
      <c r="E40" s="349"/>
      <c r="F40" s="349"/>
      <c r="G40" s="349"/>
      <c r="H40" s="349"/>
      <c r="I40" s="349"/>
      <c r="J40" s="349"/>
      <c r="K40" s="349"/>
      <c r="L40" s="349"/>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49" t="s">
        <v>33</v>
      </c>
      <c r="E41" s="349"/>
      <c r="F41" s="349"/>
      <c r="G41" s="349"/>
      <c r="H41" s="349"/>
      <c r="I41" s="349"/>
      <c r="J41" s="349"/>
      <c r="K41" s="349"/>
      <c r="L41" s="349"/>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49" t="s">
        <v>34</v>
      </c>
      <c r="E42" s="349"/>
      <c r="F42" s="349"/>
      <c r="G42" s="349"/>
      <c r="H42" s="349"/>
      <c r="I42" s="349"/>
      <c r="J42" s="349"/>
      <c r="K42" s="349"/>
      <c r="L42" s="349"/>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49" t="s">
        <v>35</v>
      </c>
      <c r="E43" s="349"/>
      <c r="F43" s="349"/>
      <c r="G43" s="349"/>
      <c r="H43" s="349"/>
      <c r="I43" s="349"/>
      <c r="J43" s="349"/>
      <c r="K43" s="349"/>
      <c r="L43" s="349"/>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36</v>
      </c>
      <c r="F45" s="44"/>
      <c r="G45" s="47"/>
      <c r="H45" s="21"/>
      <c r="I45" s="46" t="s">
        <v>37</v>
      </c>
      <c r="J45" s="44" t="s">
        <v>3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59" t="s">
        <v>39</v>
      </c>
      <c r="D50" s="359"/>
      <c r="E50" s="359"/>
      <c r="F50" s="359"/>
      <c r="G50" s="359"/>
      <c r="H50" s="359"/>
      <c r="I50" s="37" t="s">
        <v>40</v>
      </c>
      <c r="J50" s="359" t="s">
        <v>44</v>
      </c>
      <c r="K50" s="359"/>
      <c r="L50" s="359"/>
      <c r="M50" s="359"/>
      <c r="N50" s="359"/>
      <c r="O50" s="359"/>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59" t="s">
        <v>42</v>
      </c>
      <c r="D51" s="359"/>
      <c r="E51" s="359"/>
      <c r="F51" s="359"/>
      <c r="G51" s="359"/>
      <c r="H51" s="359"/>
      <c r="I51" s="37" t="s">
        <v>43</v>
      </c>
      <c r="J51" s="359" t="s">
        <v>47</v>
      </c>
      <c r="K51" s="359"/>
      <c r="L51" s="359"/>
      <c r="M51" s="359"/>
      <c r="N51" s="359"/>
      <c r="O51" s="359"/>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59" t="s">
        <v>45</v>
      </c>
      <c r="D52" s="359"/>
      <c r="E52" s="359"/>
      <c r="F52" s="359"/>
      <c r="G52" s="359"/>
      <c r="H52" s="359"/>
      <c r="I52" s="37" t="s">
        <v>46</v>
      </c>
      <c r="J52" s="359" t="s">
        <v>50</v>
      </c>
      <c r="K52" s="359"/>
      <c r="L52" s="359"/>
      <c r="M52" s="359"/>
      <c r="N52" s="359"/>
      <c r="O52" s="359"/>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59" t="s">
        <v>48</v>
      </c>
      <c r="D53" s="359"/>
      <c r="E53" s="359"/>
      <c r="F53" s="359"/>
      <c r="G53" s="359"/>
      <c r="H53" s="359"/>
      <c r="I53" s="37" t="s">
        <v>49</v>
      </c>
      <c r="J53" s="359" t="s">
        <v>53</v>
      </c>
      <c r="K53" s="359"/>
      <c r="L53" s="359"/>
      <c r="M53" s="359"/>
      <c r="N53" s="359"/>
      <c r="O53" s="359"/>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59" t="s">
        <v>41</v>
      </c>
      <c r="D54" s="359"/>
      <c r="E54" s="359"/>
      <c r="F54" s="359"/>
      <c r="G54" s="359"/>
      <c r="H54" s="359"/>
      <c r="I54" s="37" t="s">
        <v>52</v>
      </c>
      <c r="J54" s="359" t="s">
        <v>55</v>
      </c>
      <c r="K54" s="359"/>
      <c r="L54" s="359"/>
      <c r="M54" s="359"/>
      <c r="N54" s="359"/>
      <c r="O54" s="359"/>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59" t="s">
        <v>51</v>
      </c>
      <c r="D55" s="359"/>
      <c r="E55" s="359"/>
      <c r="F55" s="359"/>
      <c r="G55" s="359"/>
      <c r="H55" s="359"/>
      <c r="I55" s="58"/>
      <c r="J55" s="359" t="s">
        <v>57</v>
      </c>
      <c r="K55" s="359"/>
      <c r="L55" s="359"/>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59" t="s">
        <v>54</v>
      </c>
      <c r="D56" s="359"/>
      <c r="E56" s="359"/>
      <c r="F56" s="359"/>
      <c r="G56" s="359"/>
      <c r="H56" s="359"/>
      <c r="I56" s="37"/>
      <c r="J56" s="359" t="s">
        <v>59</v>
      </c>
      <c r="K56" s="359"/>
      <c r="L56" s="359"/>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59" t="s">
        <v>56</v>
      </c>
      <c r="D57" s="359"/>
      <c r="E57" s="359"/>
      <c r="F57" s="359"/>
      <c r="G57" s="359"/>
      <c r="H57" s="359"/>
      <c r="I57" s="37"/>
      <c r="J57" s="359" t="s">
        <v>61</v>
      </c>
      <c r="K57" s="359"/>
      <c r="L57" s="359"/>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59" t="s">
        <v>58</v>
      </c>
      <c r="D58" s="359"/>
      <c r="E58" s="359"/>
      <c r="F58" s="359"/>
      <c r="G58" s="359"/>
      <c r="H58" s="359"/>
      <c r="I58" s="37"/>
      <c r="J58" s="359" t="s">
        <v>63</v>
      </c>
      <c r="K58" s="359"/>
      <c r="L58" s="359"/>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59" t="s">
        <v>60</v>
      </c>
      <c r="D59" s="359"/>
      <c r="E59" s="359"/>
      <c r="F59" s="359"/>
      <c r="G59" s="359"/>
      <c r="H59" s="359"/>
      <c r="I59" s="37"/>
      <c r="J59" s="359" t="s">
        <v>64</v>
      </c>
      <c r="K59" s="359"/>
      <c r="L59" s="359"/>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59" t="s">
        <v>62</v>
      </c>
      <c r="D60" s="359"/>
      <c r="E60" s="359"/>
      <c r="F60" s="359"/>
      <c r="G60" s="359"/>
      <c r="H60" s="359"/>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65</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674</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4</v>
      </c>
      <c r="K71" s="72"/>
      <c r="L71" s="73"/>
      <c r="M71" s="73"/>
      <c r="N71" s="73"/>
      <c r="O71" s="73"/>
      <c r="P71" s="22"/>
      <c r="Q71" s="22"/>
      <c r="R71" s="22"/>
    </row>
    <row r="72" spans="1:72" x14ac:dyDescent="0.15">
      <c r="A72" s="185"/>
      <c r="B72" s="1"/>
      <c r="C72" s="3"/>
      <c r="D72" s="3"/>
      <c r="F72" s="3"/>
      <c r="G72" s="3"/>
      <c r="H72" s="67"/>
      <c r="I72" s="74" t="s">
        <v>67</v>
      </c>
      <c r="J72" s="75"/>
      <c r="K72" s="76"/>
      <c r="L72" s="77"/>
      <c r="M72" s="73"/>
      <c r="N72" s="73"/>
      <c r="O72" s="73"/>
      <c r="P72" s="22"/>
      <c r="Q72" s="22"/>
      <c r="R72" s="22"/>
    </row>
    <row r="73" spans="1:72" s="81" customFormat="1" ht="54" customHeight="1" x14ac:dyDescent="0.15">
      <c r="A73" s="185"/>
      <c r="B73" s="1"/>
      <c r="C73" s="257" t="s">
        <v>69</v>
      </c>
      <c r="D73" s="257"/>
      <c r="E73" s="257"/>
      <c r="F73" s="257"/>
      <c r="G73" s="257"/>
      <c r="H73" s="314"/>
      <c r="I73" s="78" t="s">
        <v>70</v>
      </c>
      <c r="J73" s="79" t="s">
        <v>71</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72</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4</v>
      </c>
      <c r="K79" s="72"/>
      <c r="L79" s="73"/>
      <c r="M79" s="73"/>
      <c r="N79" s="73"/>
      <c r="O79" s="73"/>
      <c r="P79" s="22"/>
      <c r="Q79" s="22"/>
      <c r="R79" s="22"/>
    </row>
    <row r="80" spans="1:72" x14ac:dyDescent="0.15">
      <c r="A80" s="185"/>
      <c r="B80" s="1"/>
      <c r="C80" s="66"/>
      <c r="D80" s="3"/>
      <c r="F80" s="3"/>
      <c r="G80" s="3"/>
      <c r="H80" s="67"/>
      <c r="I80" s="74" t="s">
        <v>67</v>
      </c>
      <c r="J80" s="75"/>
      <c r="K80" s="76"/>
      <c r="L80" s="77"/>
      <c r="M80" s="73"/>
      <c r="N80" s="73"/>
      <c r="O80" s="73"/>
      <c r="P80" s="22"/>
      <c r="Q80" s="22"/>
      <c r="R80" s="22"/>
    </row>
    <row r="81" spans="1:18" s="81" customFormat="1" ht="34.5" customHeight="1" x14ac:dyDescent="0.15">
      <c r="A81" s="185"/>
      <c r="B81" s="1"/>
      <c r="C81" s="276" t="s">
        <v>74</v>
      </c>
      <c r="D81" s="286"/>
      <c r="E81" s="315" t="s">
        <v>75</v>
      </c>
      <c r="F81" s="315"/>
      <c r="G81" s="257"/>
      <c r="H81" s="257"/>
      <c r="I81" s="251" t="s">
        <v>76</v>
      </c>
      <c r="J81" s="87">
        <v>1</v>
      </c>
      <c r="K81" s="80"/>
      <c r="L81" s="77"/>
      <c r="M81" s="73"/>
      <c r="N81" s="73"/>
      <c r="O81" s="73"/>
      <c r="P81" s="22"/>
      <c r="Q81" s="22"/>
      <c r="R81" s="22"/>
    </row>
    <row r="82" spans="1:18" s="81" customFormat="1" ht="34.5" customHeight="1" x14ac:dyDescent="0.15">
      <c r="A82" s="185"/>
      <c r="B82" s="88"/>
      <c r="C82" s="325"/>
      <c r="D82" s="327"/>
      <c r="E82" s="282"/>
      <c r="F82" s="283"/>
      <c r="G82" s="259" t="s">
        <v>78</v>
      </c>
      <c r="H82" s="261"/>
      <c r="I82" s="294"/>
      <c r="J82" s="87">
        <v>0</v>
      </c>
      <c r="K82" s="80"/>
      <c r="L82" s="77"/>
      <c r="M82" s="73"/>
      <c r="N82" s="73"/>
      <c r="O82" s="73"/>
      <c r="P82" s="22"/>
      <c r="Q82" s="22"/>
      <c r="R82" s="22"/>
    </row>
    <row r="83" spans="1:18" s="81" customFormat="1" ht="34.5" customHeight="1" x14ac:dyDescent="0.15">
      <c r="A83" s="185"/>
      <c r="B83" s="88"/>
      <c r="C83" s="328"/>
      <c r="D83" s="330"/>
      <c r="E83" s="257" t="s">
        <v>675</v>
      </c>
      <c r="F83" s="258"/>
      <c r="G83" s="258"/>
      <c r="H83" s="258"/>
      <c r="I83" s="294"/>
      <c r="J83" s="87">
        <v>0</v>
      </c>
      <c r="K83" s="80"/>
      <c r="L83" s="77"/>
      <c r="M83" s="73"/>
      <c r="N83" s="73"/>
      <c r="O83" s="73"/>
      <c r="P83" s="22"/>
      <c r="Q83" s="22"/>
      <c r="R83" s="22"/>
    </row>
    <row r="84" spans="1:18" s="81" customFormat="1" ht="34.5" customHeight="1" x14ac:dyDescent="0.15">
      <c r="A84" s="185"/>
      <c r="B84" s="88"/>
      <c r="C84" s="276" t="s">
        <v>82</v>
      </c>
      <c r="D84" s="286"/>
      <c r="E84" s="315" t="s">
        <v>75</v>
      </c>
      <c r="F84" s="321"/>
      <c r="G84" s="321"/>
      <c r="H84" s="321"/>
      <c r="I84" s="294"/>
      <c r="J84" s="87">
        <v>0</v>
      </c>
      <c r="K84" s="80"/>
      <c r="L84" s="77"/>
      <c r="M84" s="73"/>
      <c r="N84" s="73"/>
      <c r="O84" s="73"/>
      <c r="P84" s="22"/>
      <c r="Q84" s="22"/>
      <c r="R84" s="22"/>
    </row>
    <row r="85" spans="1:18" s="81" customFormat="1" ht="34.5" customHeight="1" x14ac:dyDescent="0.15">
      <c r="A85" s="185"/>
      <c r="B85" s="88"/>
      <c r="C85" s="325"/>
      <c r="D85" s="327"/>
      <c r="E85" s="343"/>
      <c r="F85" s="344"/>
      <c r="G85" s="259" t="s">
        <v>84</v>
      </c>
      <c r="H85" s="261"/>
      <c r="I85" s="294"/>
      <c r="J85" s="87">
        <v>0</v>
      </c>
      <c r="K85" s="80"/>
      <c r="L85" s="77"/>
      <c r="M85" s="73"/>
      <c r="N85" s="73"/>
      <c r="O85" s="73"/>
      <c r="P85" s="22"/>
      <c r="Q85" s="22"/>
      <c r="R85" s="22"/>
    </row>
    <row r="86" spans="1:18" s="81" customFormat="1" ht="34.5" customHeight="1" x14ac:dyDescent="0.15">
      <c r="A86" s="185"/>
      <c r="B86" s="88"/>
      <c r="C86" s="325"/>
      <c r="D86" s="327"/>
      <c r="E86" s="345"/>
      <c r="F86" s="346"/>
      <c r="G86" s="259" t="s">
        <v>86</v>
      </c>
      <c r="H86" s="261"/>
      <c r="I86" s="294"/>
      <c r="J86" s="87">
        <v>0</v>
      </c>
      <c r="K86" s="80"/>
      <c r="L86" s="77"/>
      <c r="M86" s="73"/>
      <c r="N86" s="73"/>
      <c r="O86" s="73"/>
      <c r="P86" s="22"/>
      <c r="Q86" s="22"/>
      <c r="R86" s="22"/>
    </row>
    <row r="87" spans="1:18" s="81" customFormat="1" ht="34.5" customHeight="1" x14ac:dyDescent="0.15">
      <c r="A87" s="185"/>
      <c r="B87" s="88"/>
      <c r="C87" s="325"/>
      <c r="D87" s="327"/>
      <c r="E87" s="315" t="s">
        <v>675</v>
      </c>
      <c r="F87" s="321"/>
      <c r="G87" s="321"/>
      <c r="H87" s="321"/>
      <c r="I87" s="294"/>
      <c r="J87" s="87">
        <v>0</v>
      </c>
      <c r="K87" s="80"/>
      <c r="L87" s="77"/>
      <c r="M87" s="73"/>
      <c r="N87" s="73"/>
      <c r="O87" s="73"/>
      <c r="P87" s="22"/>
      <c r="Q87" s="22"/>
      <c r="R87" s="22"/>
    </row>
    <row r="88" spans="1:18" s="81" customFormat="1" ht="34.5" customHeight="1" x14ac:dyDescent="0.15">
      <c r="A88" s="185"/>
      <c r="B88" s="88"/>
      <c r="C88" s="325"/>
      <c r="D88" s="327"/>
      <c r="E88" s="343"/>
      <c r="F88" s="344"/>
      <c r="G88" s="259" t="s">
        <v>84</v>
      </c>
      <c r="H88" s="261"/>
      <c r="I88" s="294"/>
      <c r="J88" s="87">
        <v>0</v>
      </c>
      <c r="K88" s="80"/>
      <c r="L88" s="77"/>
      <c r="M88" s="73"/>
      <c r="N88" s="73"/>
      <c r="O88" s="73"/>
      <c r="P88" s="22"/>
      <c r="Q88" s="22"/>
      <c r="R88" s="22"/>
    </row>
    <row r="89" spans="1:18" s="81" customFormat="1" ht="34.5" customHeight="1" x14ac:dyDescent="0.15">
      <c r="A89" s="185"/>
      <c r="B89" s="88"/>
      <c r="C89" s="325"/>
      <c r="D89" s="327"/>
      <c r="E89" s="343"/>
      <c r="F89" s="344"/>
      <c r="G89" s="276" t="s">
        <v>86</v>
      </c>
      <c r="H89" s="286"/>
      <c r="I89" s="294"/>
      <c r="J89" s="87">
        <v>0</v>
      </c>
      <c r="K89" s="80"/>
      <c r="L89" s="77"/>
      <c r="M89" s="73"/>
      <c r="N89" s="73"/>
      <c r="O89" s="73"/>
      <c r="P89" s="22"/>
      <c r="Q89" s="22"/>
      <c r="R89" s="22"/>
    </row>
    <row r="90" spans="1:18" s="81" customFormat="1" ht="315" customHeight="1" x14ac:dyDescent="0.15">
      <c r="A90" s="185"/>
      <c r="B90" s="88"/>
      <c r="C90" s="259" t="s">
        <v>676</v>
      </c>
      <c r="D90" s="260"/>
      <c r="E90" s="260"/>
      <c r="F90" s="260"/>
      <c r="G90" s="260"/>
      <c r="H90" s="261"/>
      <c r="I90" s="295"/>
      <c r="J90" s="89" t="s">
        <v>677</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90</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4</v>
      </c>
      <c r="K96" s="72"/>
      <c r="L96" s="92"/>
      <c r="M96" s="92"/>
      <c r="N96" s="92"/>
      <c r="O96" s="92"/>
      <c r="P96" s="22"/>
      <c r="Q96" s="22"/>
      <c r="R96" s="22"/>
    </row>
    <row r="97" spans="1:18" x14ac:dyDescent="0.15">
      <c r="A97" s="185"/>
      <c r="B97" s="1"/>
      <c r="C97" s="3"/>
      <c r="D97" s="3"/>
      <c r="F97" s="3"/>
      <c r="G97" s="3"/>
      <c r="H97" s="67"/>
      <c r="I97" s="74" t="s">
        <v>67</v>
      </c>
      <c r="J97" s="95"/>
      <c r="K97" s="76"/>
      <c r="L97" s="73"/>
      <c r="M97" s="73"/>
      <c r="N97" s="73"/>
      <c r="O97" s="73"/>
      <c r="P97" s="22"/>
      <c r="Q97" s="22"/>
      <c r="R97" s="22"/>
    </row>
    <row r="98" spans="1:18" s="81" customFormat="1" ht="40.5" customHeight="1" x14ac:dyDescent="0.15">
      <c r="A98" s="185"/>
      <c r="B98" s="1"/>
      <c r="C98" s="315" t="s">
        <v>92</v>
      </c>
      <c r="D98" s="315"/>
      <c r="E98" s="315"/>
      <c r="F98" s="315"/>
      <c r="G98" s="315"/>
      <c r="H98" s="315"/>
      <c r="I98" s="292" t="s">
        <v>93</v>
      </c>
      <c r="J98" s="96" t="s">
        <v>678</v>
      </c>
      <c r="K98" s="80"/>
      <c r="L98" s="77"/>
      <c r="M98" s="92"/>
      <c r="N98" s="92"/>
      <c r="O98" s="92"/>
      <c r="P98" s="22"/>
      <c r="Q98" s="22"/>
      <c r="R98" s="22"/>
    </row>
    <row r="99" spans="1:18" s="81" customFormat="1" ht="40.5" customHeight="1" x14ac:dyDescent="0.15">
      <c r="A99" s="185"/>
      <c r="B99" s="1"/>
      <c r="C99" s="97"/>
      <c r="D99" s="98"/>
      <c r="E99" s="257" t="s">
        <v>96</v>
      </c>
      <c r="F99" s="257"/>
      <c r="G99" s="257"/>
      <c r="H99" s="257"/>
      <c r="I99" s="252"/>
      <c r="J99" s="96" t="s">
        <v>29</v>
      </c>
      <c r="K99" s="80"/>
      <c r="L99" s="77"/>
      <c r="M99" s="73"/>
      <c r="N99" s="73"/>
      <c r="O99" s="73"/>
      <c r="P99" s="22"/>
      <c r="Q99" s="22"/>
      <c r="R99" s="22"/>
    </row>
    <row r="100" spans="1:18" s="81" customFormat="1" ht="40.5" customHeight="1" x14ac:dyDescent="0.15">
      <c r="A100" s="185"/>
      <c r="B100" s="1"/>
      <c r="C100" s="97"/>
      <c r="D100" s="98"/>
      <c r="E100" s="257"/>
      <c r="F100" s="257"/>
      <c r="G100" s="257"/>
      <c r="H100" s="257"/>
      <c r="I100" s="252"/>
      <c r="J100" s="96" t="s">
        <v>29</v>
      </c>
      <c r="K100" s="80"/>
      <c r="L100" s="77"/>
      <c r="M100" s="92"/>
      <c r="N100" s="92"/>
      <c r="O100" s="92"/>
      <c r="P100" s="22"/>
      <c r="Q100" s="22"/>
      <c r="R100" s="22"/>
    </row>
    <row r="101" spans="1:18" s="81" customFormat="1" ht="40.5" customHeight="1" x14ac:dyDescent="0.15">
      <c r="A101" s="185"/>
      <c r="B101" s="1"/>
      <c r="C101" s="99"/>
      <c r="D101" s="100"/>
      <c r="E101" s="257"/>
      <c r="F101" s="257"/>
      <c r="G101" s="257"/>
      <c r="H101" s="257"/>
      <c r="I101" s="253"/>
      <c r="J101" s="96" t="s">
        <v>29</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101</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4</v>
      </c>
      <c r="K107" s="72"/>
      <c r="L107" s="73"/>
      <c r="M107" s="73"/>
      <c r="N107" s="73"/>
      <c r="O107" s="73"/>
      <c r="P107" s="22"/>
      <c r="Q107" s="22"/>
      <c r="R107" s="22"/>
    </row>
    <row r="108" spans="1:18" x14ac:dyDescent="0.15">
      <c r="A108" s="185"/>
      <c r="B108" s="1"/>
      <c r="C108" s="66"/>
      <c r="D108" s="3"/>
      <c r="F108" s="3"/>
      <c r="G108" s="3"/>
      <c r="H108" s="67"/>
      <c r="I108" s="74" t="s">
        <v>67</v>
      </c>
      <c r="J108" s="75"/>
      <c r="K108" s="76"/>
      <c r="L108" s="73"/>
      <c r="M108" s="73"/>
      <c r="N108" s="73"/>
      <c r="O108" s="73"/>
      <c r="P108" s="22"/>
      <c r="Q108" s="22"/>
      <c r="R108" s="22"/>
    </row>
    <row r="109" spans="1:18" s="81" customFormat="1" ht="69.95" customHeight="1" x14ac:dyDescent="0.15">
      <c r="A109" s="185"/>
      <c r="B109" s="1"/>
      <c r="C109" s="257" t="s">
        <v>103</v>
      </c>
      <c r="D109" s="257"/>
      <c r="E109" s="257"/>
      <c r="F109" s="257"/>
      <c r="G109" s="257"/>
      <c r="H109" s="258"/>
      <c r="I109" s="292" t="s">
        <v>104</v>
      </c>
      <c r="J109" s="87">
        <v>0</v>
      </c>
      <c r="K109" s="80"/>
      <c r="L109" s="73"/>
      <c r="M109" s="73"/>
      <c r="N109" s="73"/>
      <c r="O109" s="73"/>
      <c r="P109" s="22"/>
      <c r="Q109" s="22"/>
      <c r="R109" s="22"/>
    </row>
    <row r="110" spans="1:18" s="81" customFormat="1" ht="69.95" customHeight="1" x14ac:dyDescent="0.15">
      <c r="A110" s="185"/>
      <c r="B110" s="88"/>
      <c r="C110" s="328" t="s">
        <v>106</v>
      </c>
      <c r="D110" s="329"/>
      <c r="E110" s="329"/>
      <c r="F110" s="329"/>
      <c r="G110" s="329"/>
      <c r="H110" s="330"/>
      <c r="I110" s="342"/>
      <c r="J110" s="87" t="s">
        <v>29</v>
      </c>
      <c r="K110" s="80"/>
      <c r="L110" s="73"/>
      <c r="M110" s="73"/>
      <c r="N110" s="73"/>
      <c r="O110" s="73"/>
      <c r="P110" s="22"/>
      <c r="Q110" s="22"/>
      <c r="R110" s="22"/>
    </row>
    <row r="111" spans="1:18" s="81" customFormat="1" ht="69.95" customHeight="1" x14ac:dyDescent="0.15">
      <c r="A111" s="185"/>
      <c r="B111" s="88"/>
      <c r="C111" s="328" t="s">
        <v>108</v>
      </c>
      <c r="D111" s="329"/>
      <c r="E111" s="329"/>
      <c r="F111" s="329"/>
      <c r="G111" s="329"/>
      <c r="H111" s="330"/>
      <c r="I111" s="334"/>
      <c r="J111" s="87" t="s">
        <v>29</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307</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4</v>
      </c>
      <c r="K117" s="72"/>
      <c r="L117" s="73"/>
      <c r="M117" s="73"/>
      <c r="N117" s="73"/>
      <c r="O117" s="73"/>
      <c r="P117" s="22"/>
      <c r="Q117" s="22"/>
      <c r="R117" s="22"/>
    </row>
    <row r="118" spans="1:18" x14ac:dyDescent="0.15">
      <c r="A118" s="185"/>
      <c r="B118" s="1"/>
      <c r="C118" s="66"/>
      <c r="D118" s="3"/>
      <c r="F118" s="3"/>
      <c r="G118" s="3"/>
      <c r="H118" s="67"/>
      <c r="I118" s="74" t="s">
        <v>67</v>
      </c>
      <c r="J118" s="75"/>
      <c r="K118" s="76"/>
      <c r="L118" s="73"/>
      <c r="M118" s="73"/>
      <c r="N118" s="73"/>
      <c r="O118" s="73"/>
      <c r="P118" s="22"/>
      <c r="Q118" s="22"/>
      <c r="R118" s="22"/>
    </row>
    <row r="119" spans="1:18" s="81" customFormat="1" ht="69.95" customHeight="1" x14ac:dyDescent="0.15">
      <c r="A119" s="185"/>
      <c r="B119" s="1"/>
      <c r="C119" s="257" t="s">
        <v>103</v>
      </c>
      <c r="D119" s="257"/>
      <c r="E119" s="257"/>
      <c r="F119" s="257"/>
      <c r="G119" s="257"/>
      <c r="H119" s="258"/>
      <c r="I119" s="292" t="s">
        <v>308</v>
      </c>
      <c r="J119" s="105">
        <v>0</v>
      </c>
      <c r="K119" s="106" t="s">
        <v>408</v>
      </c>
      <c r="L119" s="73"/>
      <c r="M119" s="73"/>
      <c r="N119" s="73"/>
      <c r="O119" s="73"/>
      <c r="P119" s="22"/>
      <c r="Q119" s="22"/>
      <c r="R119" s="22"/>
    </row>
    <row r="120" spans="1:18" s="81" customFormat="1" ht="69.95" customHeight="1" x14ac:dyDescent="0.15">
      <c r="A120" s="185"/>
      <c r="B120" s="88"/>
      <c r="C120" s="328" t="s">
        <v>309</v>
      </c>
      <c r="D120" s="329"/>
      <c r="E120" s="329"/>
      <c r="F120" s="329"/>
      <c r="G120" s="329"/>
      <c r="H120" s="330"/>
      <c r="I120" s="342"/>
      <c r="J120" s="105">
        <v>0</v>
      </c>
      <c r="K120" s="106" t="s">
        <v>408</v>
      </c>
      <c r="L120" s="73"/>
      <c r="M120" s="73"/>
      <c r="N120" s="73"/>
      <c r="O120" s="73"/>
      <c r="P120" s="22"/>
      <c r="Q120" s="22"/>
      <c r="R120" s="22"/>
    </row>
    <row r="121" spans="1:18" s="81" customFormat="1" ht="69.95" customHeight="1" x14ac:dyDescent="0.15">
      <c r="A121" s="185"/>
      <c r="B121" s="88"/>
      <c r="C121" s="328" t="s">
        <v>106</v>
      </c>
      <c r="D121" s="329"/>
      <c r="E121" s="329"/>
      <c r="F121" s="329"/>
      <c r="G121" s="329"/>
      <c r="H121" s="330"/>
      <c r="I121" s="342"/>
      <c r="J121" s="105">
        <v>0</v>
      </c>
      <c r="K121" s="106" t="s">
        <v>408</v>
      </c>
      <c r="L121" s="73"/>
      <c r="M121" s="73"/>
      <c r="N121" s="73"/>
      <c r="O121" s="73"/>
      <c r="P121" s="22"/>
      <c r="Q121" s="22"/>
      <c r="R121" s="22"/>
    </row>
    <row r="122" spans="1:18" s="81" customFormat="1" ht="69.95" customHeight="1" x14ac:dyDescent="0.15">
      <c r="A122" s="185"/>
      <c r="B122" s="1"/>
      <c r="C122" s="257" t="s">
        <v>310</v>
      </c>
      <c r="D122" s="257"/>
      <c r="E122" s="257"/>
      <c r="F122" s="257"/>
      <c r="G122" s="257"/>
      <c r="H122" s="258"/>
      <c r="I122" s="342"/>
      <c r="J122" s="105">
        <v>0</v>
      </c>
      <c r="K122" s="106" t="s">
        <v>408</v>
      </c>
      <c r="L122" s="73"/>
      <c r="M122" s="73"/>
      <c r="N122" s="73"/>
      <c r="O122" s="73"/>
      <c r="P122" s="22"/>
      <c r="Q122" s="22"/>
      <c r="R122" s="22"/>
    </row>
    <row r="123" spans="1:18" s="81" customFormat="1" ht="69.95" customHeight="1" x14ac:dyDescent="0.15">
      <c r="A123" s="185"/>
      <c r="B123" s="88"/>
      <c r="C123" s="328" t="s">
        <v>311</v>
      </c>
      <c r="D123" s="329"/>
      <c r="E123" s="329"/>
      <c r="F123" s="329"/>
      <c r="G123" s="329"/>
      <c r="H123" s="330"/>
      <c r="I123" s="342"/>
      <c r="J123" s="105">
        <v>0</v>
      </c>
      <c r="K123" s="106" t="s">
        <v>408</v>
      </c>
      <c r="L123" s="73"/>
      <c r="M123" s="73"/>
      <c r="N123" s="73"/>
      <c r="O123" s="73"/>
      <c r="P123" s="22"/>
      <c r="Q123" s="22"/>
      <c r="R123" s="22"/>
    </row>
    <row r="124" spans="1:18" s="81" customFormat="1" ht="69.95" customHeight="1" x14ac:dyDescent="0.15">
      <c r="A124" s="185"/>
      <c r="B124" s="88"/>
      <c r="C124" s="328" t="s">
        <v>108</v>
      </c>
      <c r="D124" s="329"/>
      <c r="E124" s="329"/>
      <c r="F124" s="329"/>
      <c r="G124" s="329"/>
      <c r="H124" s="330"/>
      <c r="I124" s="334"/>
      <c r="J124" s="105">
        <v>0</v>
      </c>
      <c r="K124" s="106" t="s">
        <v>408</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109</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4</v>
      </c>
      <c r="K130" s="72"/>
      <c r="L130" s="73"/>
      <c r="M130" s="73"/>
      <c r="N130" s="22"/>
      <c r="O130" s="22"/>
      <c r="P130" s="22"/>
    </row>
    <row r="131" spans="1:18" x14ac:dyDescent="0.15">
      <c r="A131" s="185"/>
      <c r="B131" s="1"/>
      <c r="C131" s="3"/>
      <c r="D131" s="3"/>
      <c r="F131" s="3"/>
      <c r="G131" s="3"/>
      <c r="H131" s="67"/>
      <c r="I131" s="74" t="s">
        <v>67</v>
      </c>
      <c r="J131" s="75"/>
      <c r="K131" s="76"/>
      <c r="L131" s="73"/>
      <c r="M131" s="73"/>
      <c r="N131" s="22"/>
      <c r="O131" s="22"/>
      <c r="P131" s="22"/>
    </row>
    <row r="132" spans="1:18" s="81" customFormat="1" ht="57" x14ac:dyDescent="0.15">
      <c r="A132" s="185"/>
      <c r="B132" s="107"/>
      <c r="C132" s="259" t="s">
        <v>111</v>
      </c>
      <c r="D132" s="260"/>
      <c r="E132" s="260"/>
      <c r="F132" s="260"/>
      <c r="G132" s="260"/>
      <c r="H132" s="261"/>
      <c r="I132" s="110" t="s">
        <v>112</v>
      </c>
      <c r="J132" s="111" t="s">
        <v>679</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114</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4</v>
      </c>
      <c r="K138" s="72"/>
      <c r="L138" s="114" t="s">
        <v>115</v>
      </c>
      <c r="M138" s="114" t="s">
        <v>116</v>
      </c>
      <c r="N138" s="114" t="s">
        <v>117</v>
      </c>
      <c r="O138" s="114" t="s">
        <v>118</v>
      </c>
      <c r="P138" s="22"/>
      <c r="Q138" s="22"/>
      <c r="R138" s="22"/>
    </row>
    <row r="139" spans="1:18" x14ac:dyDescent="0.15">
      <c r="A139" s="185"/>
      <c r="B139" s="1"/>
      <c r="C139" s="66"/>
      <c r="D139" s="3"/>
      <c r="F139" s="3"/>
      <c r="G139" s="3"/>
      <c r="H139" s="67"/>
      <c r="I139" s="74" t="s">
        <v>67</v>
      </c>
      <c r="J139" s="75"/>
      <c r="K139" s="76"/>
      <c r="L139" s="115"/>
      <c r="M139" s="115"/>
      <c r="N139" s="115"/>
      <c r="O139" s="115"/>
      <c r="P139" s="22"/>
      <c r="Q139" s="22"/>
      <c r="R139" s="22"/>
    </row>
    <row r="140" spans="1:18" s="81" customFormat="1" ht="34.5" customHeight="1" x14ac:dyDescent="0.15">
      <c r="A140" s="185"/>
      <c r="B140" s="116"/>
      <c r="C140" s="257" t="s">
        <v>120</v>
      </c>
      <c r="D140" s="314"/>
      <c r="E140" s="314"/>
      <c r="F140" s="314"/>
      <c r="G140" s="257" t="s">
        <v>121</v>
      </c>
      <c r="H140" s="314"/>
      <c r="I140" s="339" t="s">
        <v>122</v>
      </c>
      <c r="J140" s="117">
        <v>1</v>
      </c>
      <c r="K140" s="118"/>
      <c r="L140" s="119"/>
      <c r="M140" s="119"/>
      <c r="N140" s="119"/>
      <c r="O140" s="120"/>
      <c r="P140" s="22"/>
      <c r="Q140" s="22"/>
      <c r="R140" s="22"/>
    </row>
    <row r="141" spans="1:18" s="81" customFormat="1" ht="34.5" customHeight="1" x14ac:dyDescent="0.15">
      <c r="A141" s="185"/>
      <c r="B141" s="88"/>
      <c r="C141" s="314"/>
      <c r="D141" s="314"/>
      <c r="E141" s="314"/>
      <c r="F141" s="314"/>
      <c r="G141" s="257" t="s">
        <v>123</v>
      </c>
      <c r="H141" s="314"/>
      <c r="I141" s="340"/>
      <c r="J141" s="121">
        <v>0</v>
      </c>
      <c r="K141" s="122"/>
      <c r="L141" s="123"/>
      <c r="M141" s="123"/>
      <c r="N141" s="123"/>
      <c r="O141" s="124"/>
      <c r="P141" s="22"/>
      <c r="Q141" s="22"/>
      <c r="R141" s="22"/>
    </row>
    <row r="142" spans="1:18" s="81" customFormat="1" ht="34.5" customHeight="1" x14ac:dyDescent="0.15">
      <c r="A142" s="185"/>
      <c r="B142" s="116"/>
      <c r="C142" s="257" t="s">
        <v>125</v>
      </c>
      <c r="D142" s="314"/>
      <c r="E142" s="314"/>
      <c r="F142" s="314"/>
      <c r="G142" s="257" t="s">
        <v>121</v>
      </c>
      <c r="H142" s="314"/>
      <c r="I142" s="340"/>
      <c r="J142" s="117">
        <v>0</v>
      </c>
      <c r="K142" s="118"/>
      <c r="L142" s="125"/>
      <c r="M142" s="125"/>
      <c r="N142" s="125"/>
      <c r="O142" s="126"/>
      <c r="P142" s="22"/>
      <c r="Q142" s="22"/>
      <c r="R142" s="22"/>
    </row>
    <row r="143" spans="1:18" s="81" customFormat="1" ht="34.5" customHeight="1" x14ac:dyDescent="0.15">
      <c r="A143" s="185"/>
      <c r="B143" s="88"/>
      <c r="C143" s="314"/>
      <c r="D143" s="314"/>
      <c r="E143" s="314"/>
      <c r="F143" s="314"/>
      <c r="G143" s="257" t="s">
        <v>123</v>
      </c>
      <c r="H143" s="314"/>
      <c r="I143" s="340"/>
      <c r="J143" s="121">
        <v>0</v>
      </c>
      <c r="K143" s="122"/>
      <c r="L143" s="123"/>
      <c r="M143" s="123"/>
      <c r="N143" s="123"/>
      <c r="O143" s="124"/>
      <c r="P143" s="22"/>
      <c r="Q143" s="22"/>
      <c r="R143" s="22"/>
    </row>
    <row r="144" spans="1:18" s="81" customFormat="1" ht="34.5" customHeight="1" x14ac:dyDescent="0.15">
      <c r="A144" s="185"/>
      <c r="B144" s="116"/>
      <c r="C144" s="257" t="s">
        <v>127</v>
      </c>
      <c r="D144" s="257"/>
      <c r="E144" s="257"/>
      <c r="F144" s="257"/>
      <c r="G144" s="257" t="s">
        <v>121</v>
      </c>
      <c r="H144" s="257"/>
      <c r="I144" s="340"/>
      <c r="J144" s="117">
        <v>0</v>
      </c>
      <c r="K144" s="118" t="s">
        <v>408</v>
      </c>
      <c r="L144" s="127">
        <v>0</v>
      </c>
      <c r="M144" s="127">
        <v>0</v>
      </c>
      <c r="N144" s="127">
        <v>0</v>
      </c>
      <c r="O144" s="127">
        <v>0</v>
      </c>
      <c r="P144" s="22"/>
      <c r="Q144" s="22"/>
      <c r="R144" s="22"/>
    </row>
    <row r="145" spans="1:18" s="81" customFormat="1" ht="34.5" customHeight="1" x14ac:dyDescent="0.15">
      <c r="A145" s="185"/>
      <c r="B145" s="116"/>
      <c r="C145" s="257"/>
      <c r="D145" s="257"/>
      <c r="E145" s="257"/>
      <c r="F145" s="257"/>
      <c r="G145" s="257" t="s">
        <v>123</v>
      </c>
      <c r="H145" s="258"/>
      <c r="I145" s="340"/>
      <c r="J145" s="121">
        <v>0</v>
      </c>
      <c r="K145" s="118" t="s">
        <v>408</v>
      </c>
      <c r="L145" s="128">
        <v>0</v>
      </c>
      <c r="M145" s="128">
        <v>0</v>
      </c>
      <c r="N145" s="128">
        <v>0</v>
      </c>
      <c r="O145" s="128">
        <v>0</v>
      </c>
      <c r="P145" s="22"/>
      <c r="Q145" s="22"/>
      <c r="R145" s="22"/>
    </row>
    <row r="146" spans="1:18" s="81" customFormat="1" ht="34.5" customHeight="1" x14ac:dyDescent="0.15">
      <c r="A146" s="185"/>
      <c r="B146" s="116"/>
      <c r="C146" s="257" t="s">
        <v>129</v>
      </c>
      <c r="D146" s="258"/>
      <c r="E146" s="258"/>
      <c r="F146" s="258"/>
      <c r="G146" s="257" t="s">
        <v>121</v>
      </c>
      <c r="H146" s="258"/>
      <c r="I146" s="340"/>
      <c r="J146" s="117">
        <v>1</v>
      </c>
      <c r="K146" s="118" t="s">
        <v>408</v>
      </c>
      <c r="L146" s="127">
        <v>0</v>
      </c>
      <c r="M146" s="127">
        <v>0</v>
      </c>
      <c r="N146" s="127">
        <v>1</v>
      </c>
      <c r="O146" s="127">
        <v>0</v>
      </c>
      <c r="P146" s="22"/>
      <c r="Q146" s="22"/>
      <c r="R146" s="22"/>
    </row>
    <row r="147" spans="1:18" s="81" customFormat="1" ht="34.5" customHeight="1" x14ac:dyDescent="0.15">
      <c r="A147" s="185"/>
      <c r="B147" s="116"/>
      <c r="C147" s="258"/>
      <c r="D147" s="258"/>
      <c r="E147" s="258"/>
      <c r="F147" s="258"/>
      <c r="G147" s="257" t="s">
        <v>123</v>
      </c>
      <c r="H147" s="258"/>
      <c r="I147" s="340"/>
      <c r="J147" s="121">
        <v>0</v>
      </c>
      <c r="K147" s="118" t="s">
        <v>408</v>
      </c>
      <c r="L147" s="128">
        <v>0</v>
      </c>
      <c r="M147" s="128">
        <v>0</v>
      </c>
      <c r="N147" s="128">
        <v>0</v>
      </c>
      <c r="O147" s="128">
        <v>0</v>
      </c>
      <c r="P147" s="22"/>
      <c r="Q147" s="22"/>
      <c r="R147" s="22"/>
    </row>
    <row r="148" spans="1:18" s="81" customFormat="1" ht="34.5" customHeight="1" x14ac:dyDescent="0.15">
      <c r="A148" s="185"/>
      <c r="B148" s="116"/>
      <c r="C148" s="257" t="s">
        <v>131</v>
      </c>
      <c r="D148" s="258"/>
      <c r="E148" s="258"/>
      <c r="F148" s="258"/>
      <c r="G148" s="257" t="s">
        <v>121</v>
      </c>
      <c r="H148" s="258"/>
      <c r="I148" s="340"/>
      <c r="J148" s="117">
        <v>0</v>
      </c>
      <c r="K148" s="118" t="s">
        <v>408</v>
      </c>
      <c r="L148" s="127">
        <v>0</v>
      </c>
      <c r="M148" s="127">
        <v>0</v>
      </c>
      <c r="N148" s="127">
        <v>0</v>
      </c>
      <c r="O148" s="127">
        <v>0</v>
      </c>
      <c r="P148" s="22"/>
      <c r="Q148" s="22"/>
      <c r="R148" s="22"/>
    </row>
    <row r="149" spans="1:18" s="81" customFormat="1" ht="34.5" customHeight="1" x14ac:dyDescent="0.15">
      <c r="A149" s="185"/>
      <c r="B149" s="116"/>
      <c r="C149" s="258"/>
      <c r="D149" s="258"/>
      <c r="E149" s="258"/>
      <c r="F149" s="258"/>
      <c r="G149" s="257" t="s">
        <v>123</v>
      </c>
      <c r="H149" s="258"/>
      <c r="I149" s="340"/>
      <c r="J149" s="121">
        <v>0</v>
      </c>
      <c r="K149" s="118" t="s">
        <v>408</v>
      </c>
      <c r="L149" s="128">
        <v>0</v>
      </c>
      <c r="M149" s="128">
        <v>0</v>
      </c>
      <c r="N149" s="128">
        <v>0</v>
      </c>
      <c r="O149" s="128">
        <v>0</v>
      </c>
      <c r="P149" s="22"/>
      <c r="Q149" s="22"/>
      <c r="R149" s="22"/>
    </row>
    <row r="150" spans="1:18" s="81" customFormat="1" ht="34.5" customHeight="1" x14ac:dyDescent="0.15">
      <c r="A150" s="185"/>
      <c r="B150" s="116"/>
      <c r="C150" s="257" t="s">
        <v>133</v>
      </c>
      <c r="D150" s="258"/>
      <c r="E150" s="258"/>
      <c r="F150" s="258"/>
      <c r="G150" s="257" t="s">
        <v>121</v>
      </c>
      <c r="H150" s="258"/>
      <c r="I150" s="340"/>
      <c r="J150" s="117">
        <v>0</v>
      </c>
      <c r="K150" s="118" t="s">
        <v>408</v>
      </c>
      <c r="L150" s="127">
        <v>0</v>
      </c>
      <c r="M150" s="127">
        <v>0</v>
      </c>
      <c r="N150" s="127">
        <v>0</v>
      </c>
      <c r="O150" s="127">
        <v>0</v>
      </c>
      <c r="P150" s="22"/>
      <c r="Q150" s="22"/>
      <c r="R150" s="22"/>
    </row>
    <row r="151" spans="1:18" s="81" customFormat="1" ht="34.5" customHeight="1" x14ac:dyDescent="0.15">
      <c r="A151" s="185"/>
      <c r="B151" s="88"/>
      <c r="C151" s="258"/>
      <c r="D151" s="258"/>
      <c r="E151" s="258"/>
      <c r="F151" s="258"/>
      <c r="G151" s="257" t="s">
        <v>123</v>
      </c>
      <c r="H151" s="258"/>
      <c r="I151" s="340"/>
      <c r="J151" s="121">
        <v>0</v>
      </c>
      <c r="K151" s="118" t="s">
        <v>408</v>
      </c>
      <c r="L151" s="128">
        <v>0</v>
      </c>
      <c r="M151" s="128">
        <v>0</v>
      </c>
      <c r="N151" s="128">
        <v>0</v>
      </c>
      <c r="O151" s="128">
        <v>0</v>
      </c>
      <c r="P151" s="22"/>
      <c r="Q151" s="22"/>
      <c r="R151" s="22"/>
    </row>
    <row r="152" spans="1:18" s="81" customFormat="1" ht="34.5" customHeight="1" x14ac:dyDescent="0.15">
      <c r="A152" s="185"/>
      <c r="B152" s="88"/>
      <c r="C152" s="257" t="s">
        <v>135</v>
      </c>
      <c r="D152" s="258"/>
      <c r="E152" s="258"/>
      <c r="F152" s="258"/>
      <c r="G152" s="257" t="s">
        <v>121</v>
      </c>
      <c r="H152" s="258"/>
      <c r="I152" s="340"/>
      <c r="J152" s="117">
        <v>0</v>
      </c>
      <c r="K152" s="118" t="s">
        <v>408</v>
      </c>
      <c r="L152" s="127">
        <v>0</v>
      </c>
      <c r="M152" s="127">
        <v>0</v>
      </c>
      <c r="N152" s="127">
        <v>0</v>
      </c>
      <c r="O152" s="127">
        <v>0</v>
      </c>
      <c r="P152" s="22"/>
      <c r="Q152" s="22"/>
      <c r="R152" s="22"/>
    </row>
    <row r="153" spans="1:18" s="81" customFormat="1" ht="34.5" customHeight="1" x14ac:dyDescent="0.15">
      <c r="A153" s="185"/>
      <c r="B153" s="88"/>
      <c r="C153" s="258"/>
      <c r="D153" s="258"/>
      <c r="E153" s="258"/>
      <c r="F153" s="258"/>
      <c r="G153" s="257" t="s">
        <v>123</v>
      </c>
      <c r="H153" s="258"/>
      <c r="I153" s="340"/>
      <c r="J153" s="121">
        <v>0</v>
      </c>
      <c r="K153" s="118" t="s">
        <v>408</v>
      </c>
      <c r="L153" s="128">
        <v>0</v>
      </c>
      <c r="M153" s="128">
        <v>0</v>
      </c>
      <c r="N153" s="128">
        <v>0</v>
      </c>
      <c r="O153" s="128">
        <v>0</v>
      </c>
      <c r="P153" s="22"/>
      <c r="Q153" s="22"/>
      <c r="R153" s="22"/>
    </row>
    <row r="154" spans="1:18" s="81" customFormat="1" ht="34.5" customHeight="1" x14ac:dyDescent="0.15">
      <c r="A154" s="185"/>
      <c r="B154" s="88"/>
      <c r="C154" s="257" t="s">
        <v>137</v>
      </c>
      <c r="D154" s="258"/>
      <c r="E154" s="258"/>
      <c r="F154" s="258"/>
      <c r="G154" s="257" t="s">
        <v>121</v>
      </c>
      <c r="H154" s="258"/>
      <c r="I154" s="340"/>
      <c r="J154" s="117">
        <v>0</v>
      </c>
      <c r="K154" s="118" t="s">
        <v>408</v>
      </c>
      <c r="L154" s="127">
        <v>0</v>
      </c>
      <c r="M154" s="127">
        <v>0</v>
      </c>
      <c r="N154" s="127">
        <v>0</v>
      </c>
      <c r="O154" s="127">
        <v>0</v>
      </c>
      <c r="P154" s="22"/>
      <c r="Q154" s="22"/>
      <c r="R154" s="22"/>
    </row>
    <row r="155" spans="1:18" s="81" customFormat="1" ht="34.5" customHeight="1" x14ac:dyDescent="0.15">
      <c r="A155" s="185"/>
      <c r="B155" s="88"/>
      <c r="C155" s="258"/>
      <c r="D155" s="258"/>
      <c r="E155" s="258"/>
      <c r="F155" s="258"/>
      <c r="G155" s="257" t="s">
        <v>123</v>
      </c>
      <c r="H155" s="258"/>
      <c r="I155" s="340"/>
      <c r="J155" s="121">
        <v>0</v>
      </c>
      <c r="K155" s="118" t="s">
        <v>408</v>
      </c>
      <c r="L155" s="128">
        <v>0</v>
      </c>
      <c r="M155" s="128">
        <v>0</v>
      </c>
      <c r="N155" s="128">
        <v>0</v>
      </c>
      <c r="O155" s="128">
        <v>0</v>
      </c>
      <c r="P155" s="22"/>
      <c r="Q155" s="22"/>
      <c r="R155" s="22"/>
    </row>
    <row r="156" spans="1:18" s="81" customFormat="1" ht="34.5" customHeight="1" x14ac:dyDescent="0.15">
      <c r="A156" s="185"/>
      <c r="B156" s="88"/>
      <c r="C156" s="257" t="s">
        <v>139</v>
      </c>
      <c r="D156" s="258"/>
      <c r="E156" s="258"/>
      <c r="F156" s="258"/>
      <c r="G156" s="257" t="s">
        <v>121</v>
      </c>
      <c r="H156" s="258"/>
      <c r="I156" s="340"/>
      <c r="J156" s="117">
        <v>0</v>
      </c>
      <c r="K156" s="118" t="s">
        <v>408</v>
      </c>
      <c r="L156" s="127">
        <v>0</v>
      </c>
      <c r="M156" s="127">
        <v>0</v>
      </c>
      <c r="N156" s="127">
        <v>0</v>
      </c>
      <c r="O156" s="127">
        <v>0</v>
      </c>
      <c r="P156" s="22"/>
      <c r="Q156" s="22"/>
      <c r="R156" s="22"/>
    </row>
    <row r="157" spans="1:18" s="81" customFormat="1" ht="34.5" customHeight="1" x14ac:dyDescent="0.15">
      <c r="A157" s="185"/>
      <c r="B157" s="88"/>
      <c r="C157" s="258"/>
      <c r="D157" s="258"/>
      <c r="E157" s="258"/>
      <c r="F157" s="258"/>
      <c r="G157" s="257" t="s">
        <v>123</v>
      </c>
      <c r="H157" s="258"/>
      <c r="I157" s="340"/>
      <c r="J157" s="121">
        <v>0</v>
      </c>
      <c r="K157" s="118" t="s">
        <v>408</v>
      </c>
      <c r="L157" s="128">
        <v>0</v>
      </c>
      <c r="M157" s="128">
        <v>0</v>
      </c>
      <c r="N157" s="128">
        <v>0</v>
      </c>
      <c r="O157" s="128">
        <v>0</v>
      </c>
      <c r="P157" s="22"/>
      <c r="Q157" s="22"/>
      <c r="R157" s="22"/>
    </row>
    <row r="158" spans="1:18" s="81" customFormat="1" ht="34.5" customHeight="1" x14ac:dyDescent="0.15">
      <c r="A158" s="185"/>
      <c r="B158" s="88"/>
      <c r="C158" s="257" t="s">
        <v>141</v>
      </c>
      <c r="D158" s="258"/>
      <c r="E158" s="258"/>
      <c r="F158" s="258"/>
      <c r="G158" s="257" t="s">
        <v>121</v>
      </c>
      <c r="H158" s="258"/>
      <c r="I158" s="340"/>
      <c r="J158" s="117">
        <v>0</v>
      </c>
      <c r="K158" s="118" t="s">
        <v>408</v>
      </c>
      <c r="L158" s="127">
        <v>0</v>
      </c>
      <c r="M158" s="127">
        <v>0</v>
      </c>
      <c r="N158" s="127">
        <v>0</v>
      </c>
      <c r="O158" s="127">
        <v>0</v>
      </c>
      <c r="P158" s="22"/>
      <c r="Q158" s="22"/>
      <c r="R158" s="22"/>
    </row>
    <row r="159" spans="1:18" s="81" customFormat="1" ht="34.5" customHeight="1" x14ac:dyDescent="0.15">
      <c r="A159" s="185"/>
      <c r="B159" s="88"/>
      <c r="C159" s="258"/>
      <c r="D159" s="258"/>
      <c r="E159" s="258"/>
      <c r="F159" s="258"/>
      <c r="G159" s="257" t="s">
        <v>123</v>
      </c>
      <c r="H159" s="258"/>
      <c r="I159" s="340"/>
      <c r="J159" s="121">
        <v>0</v>
      </c>
      <c r="K159" s="118" t="s">
        <v>408</v>
      </c>
      <c r="L159" s="128">
        <v>0</v>
      </c>
      <c r="M159" s="128">
        <v>0</v>
      </c>
      <c r="N159" s="128">
        <v>0</v>
      </c>
      <c r="O159" s="128">
        <v>0</v>
      </c>
      <c r="P159" s="22"/>
      <c r="Q159" s="22"/>
      <c r="R159" s="22"/>
    </row>
    <row r="160" spans="1:18" s="81" customFormat="1" ht="34.5" customHeight="1" x14ac:dyDescent="0.15">
      <c r="A160" s="185"/>
      <c r="B160" s="88"/>
      <c r="C160" s="257" t="s">
        <v>143</v>
      </c>
      <c r="D160" s="314"/>
      <c r="E160" s="314"/>
      <c r="F160" s="314"/>
      <c r="G160" s="257" t="s">
        <v>121</v>
      </c>
      <c r="H160" s="314"/>
      <c r="I160" s="340"/>
      <c r="J160" s="117">
        <v>0</v>
      </c>
      <c r="K160" s="118"/>
      <c r="L160" s="125"/>
      <c r="M160" s="125"/>
      <c r="N160" s="125"/>
      <c r="O160" s="126"/>
      <c r="P160" s="22"/>
      <c r="Q160" s="22"/>
      <c r="R160" s="22"/>
    </row>
    <row r="161" spans="1:18" s="81" customFormat="1" ht="34.5" customHeight="1" x14ac:dyDescent="0.15">
      <c r="A161" s="185"/>
      <c r="B161" s="88"/>
      <c r="C161" s="314"/>
      <c r="D161" s="314"/>
      <c r="E161" s="314"/>
      <c r="F161" s="314"/>
      <c r="G161" s="257" t="s">
        <v>123</v>
      </c>
      <c r="H161" s="314"/>
      <c r="I161" s="340"/>
      <c r="J161" s="121">
        <v>0</v>
      </c>
      <c r="K161" s="122"/>
      <c r="L161" s="123"/>
      <c r="M161" s="123"/>
      <c r="N161" s="123"/>
      <c r="O161" s="124"/>
      <c r="P161" s="22"/>
      <c r="Q161" s="22"/>
      <c r="R161" s="22"/>
    </row>
    <row r="162" spans="1:18" s="81" customFormat="1" ht="34.5" customHeight="1" x14ac:dyDescent="0.15">
      <c r="A162" s="185"/>
      <c r="B162" s="88"/>
      <c r="C162" s="257" t="s">
        <v>145</v>
      </c>
      <c r="D162" s="314"/>
      <c r="E162" s="314"/>
      <c r="F162" s="314"/>
      <c r="G162" s="257" t="s">
        <v>121</v>
      </c>
      <c r="H162" s="314"/>
      <c r="I162" s="340"/>
      <c r="J162" s="117">
        <v>0</v>
      </c>
      <c r="K162" s="118"/>
      <c r="L162" s="125"/>
      <c r="M162" s="125"/>
      <c r="N162" s="125"/>
      <c r="O162" s="126"/>
      <c r="P162" s="22"/>
      <c r="Q162" s="22"/>
      <c r="R162" s="22"/>
    </row>
    <row r="163" spans="1:18" s="81" customFormat="1" ht="34.5" customHeight="1" x14ac:dyDescent="0.15">
      <c r="A163" s="185"/>
      <c r="B163" s="88"/>
      <c r="C163" s="314"/>
      <c r="D163" s="314"/>
      <c r="E163" s="314"/>
      <c r="F163" s="314"/>
      <c r="G163" s="257" t="s">
        <v>123</v>
      </c>
      <c r="H163" s="314"/>
      <c r="I163" s="340"/>
      <c r="J163" s="121">
        <v>0</v>
      </c>
      <c r="K163" s="122"/>
      <c r="L163" s="123"/>
      <c r="M163" s="123"/>
      <c r="N163" s="123"/>
      <c r="O163" s="124"/>
      <c r="P163" s="22"/>
      <c r="Q163" s="22"/>
      <c r="R163" s="22"/>
    </row>
    <row r="164" spans="1:18" s="81" customFormat="1" ht="34.5" customHeight="1" x14ac:dyDescent="0.15">
      <c r="A164" s="185"/>
      <c r="B164" s="88"/>
      <c r="C164" s="257" t="s">
        <v>147</v>
      </c>
      <c r="D164" s="258"/>
      <c r="E164" s="258"/>
      <c r="F164" s="258"/>
      <c r="G164" s="257" t="s">
        <v>121</v>
      </c>
      <c r="H164" s="314"/>
      <c r="I164" s="340"/>
      <c r="J164" s="117">
        <v>0</v>
      </c>
      <c r="K164" s="118" t="s">
        <v>408</v>
      </c>
      <c r="L164" s="127">
        <v>0</v>
      </c>
      <c r="M164" s="127">
        <v>0</v>
      </c>
      <c r="N164" s="127">
        <v>0</v>
      </c>
      <c r="O164" s="127">
        <v>0</v>
      </c>
      <c r="P164" s="22"/>
      <c r="Q164" s="22"/>
      <c r="R164" s="22"/>
    </row>
    <row r="165" spans="1:18" s="81" customFormat="1" ht="34.5" customHeight="1" x14ac:dyDescent="0.15">
      <c r="A165" s="185"/>
      <c r="B165" s="88"/>
      <c r="C165" s="258"/>
      <c r="D165" s="258"/>
      <c r="E165" s="258"/>
      <c r="F165" s="258"/>
      <c r="G165" s="257" t="s">
        <v>123</v>
      </c>
      <c r="H165" s="314"/>
      <c r="I165" s="340"/>
      <c r="J165" s="121">
        <v>0</v>
      </c>
      <c r="K165" s="118" t="s">
        <v>408</v>
      </c>
      <c r="L165" s="128">
        <v>0</v>
      </c>
      <c r="M165" s="128">
        <v>0</v>
      </c>
      <c r="N165" s="128">
        <v>0</v>
      </c>
      <c r="O165" s="128">
        <v>0</v>
      </c>
      <c r="P165" s="22"/>
      <c r="Q165" s="22"/>
      <c r="R165" s="22"/>
    </row>
    <row r="166" spans="1:18" s="81" customFormat="1" ht="34.5" customHeight="1" x14ac:dyDescent="0.15">
      <c r="A166" s="185"/>
      <c r="B166" s="88"/>
      <c r="C166" s="257" t="s">
        <v>149</v>
      </c>
      <c r="D166" s="314"/>
      <c r="E166" s="314"/>
      <c r="F166" s="314"/>
      <c r="G166" s="257" t="s">
        <v>121</v>
      </c>
      <c r="H166" s="314"/>
      <c r="I166" s="340"/>
      <c r="J166" s="117">
        <v>0</v>
      </c>
      <c r="K166" s="118" t="s">
        <v>408</v>
      </c>
      <c r="L166" s="127">
        <v>0</v>
      </c>
      <c r="M166" s="127">
        <v>0</v>
      </c>
      <c r="N166" s="127">
        <v>0</v>
      </c>
      <c r="O166" s="127">
        <v>0</v>
      </c>
      <c r="P166" s="22"/>
      <c r="Q166" s="22"/>
      <c r="R166" s="22"/>
    </row>
    <row r="167" spans="1:18" s="81" customFormat="1" ht="34.5" customHeight="1" x14ac:dyDescent="0.15">
      <c r="A167" s="185"/>
      <c r="B167" s="88"/>
      <c r="C167" s="314"/>
      <c r="D167" s="314"/>
      <c r="E167" s="314"/>
      <c r="F167" s="314"/>
      <c r="G167" s="257" t="s">
        <v>123</v>
      </c>
      <c r="H167" s="314"/>
      <c r="I167" s="341"/>
      <c r="J167" s="121">
        <v>0</v>
      </c>
      <c r="K167" s="118" t="s">
        <v>408</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150</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4</v>
      </c>
      <c r="K173" s="72"/>
      <c r="L173" s="93"/>
      <c r="M173" s="93"/>
      <c r="N173" s="93"/>
      <c r="O173" s="93"/>
      <c r="P173" s="22"/>
      <c r="Q173" s="22"/>
      <c r="R173" s="22"/>
    </row>
    <row r="174" spans="1:18" x14ac:dyDescent="0.15">
      <c r="A174" s="185"/>
      <c r="B174" s="1"/>
      <c r="C174" s="66"/>
      <c r="D174" s="3"/>
      <c r="F174" s="3"/>
      <c r="G174" s="3"/>
      <c r="H174" s="67"/>
      <c r="I174" s="74" t="s">
        <v>67</v>
      </c>
      <c r="J174" s="75"/>
      <c r="K174" s="76"/>
      <c r="L174" s="93"/>
      <c r="M174" s="93"/>
      <c r="N174" s="93"/>
      <c r="O174" s="93"/>
      <c r="P174" s="22"/>
      <c r="Q174" s="22"/>
      <c r="R174" s="22"/>
    </row>
    <row r="175" spans="1:18" s="81" customFormat="1" ht="34.5" customHeight="1" x14ac:dyDescent="0.15">
      <c r="A175" s="185"/>
      <c r="B175" s="1"/>
      <c r="C175" s="257" t="s">
        <v>152</v>
      </c>
      <c r="D175" s="257"/>
      <c r="E175" s="257"/>
      <c r="F175" s="257"/>
      <c r="G175" s="257"/>
      <c r="H175" s="257"/>
      <c r="I175" s="251" t="s">
        <v>153</v>
      </c>
      <c r="J175" s="111" t="s">
        <v>679</v>
      </c>
      <c r="K175" s="129"/>
      <c r="L175" s="93"/>
      <c r="M175" s="93"/>
      <c r="N175" s="93"/>
      <c r="O175" s="93"/>
      <c r="P175" s="22"/>
      <c r="Q175" s="22"/>
      <c r="R175" s="22"/>
    </row>
    <row r="176" spans="1:18" s="81" customFormat="1" ht="34.5" customHeight="1" x14ac:dyDescent="0.15">
      <c r="A176" s="185"/>
      <c r="B176" s="130"/>
      <c r="C176" s="312" t="s">
        <v>155</v>
      </c>
      <c r="D176" s="312"/>
      <c r="E176" s="312"/>
      <c r="F176" s="337"/>
      <c r="G176" s="257" t="s">
        <v>120</v>
      </c>
      <c r="H176" s="131" t="s">
        <v>156</v>
      </c>
      <c r="I176" s="294"/>
      <c r="J176" s="117" t="s">
        <v>29</v>
      </c>
      <c r="K176" s="118"/>
      <c r="L176" s="93"/>
      <c r="M176" s="93"/>
      <c r="N176" s="93"/>
      <c r="O176" s="93"/>
      <c r="P176" s="22"/>
      <c r="Q176" s="22"/>
      <c r="R176" s="22"/>
    </row>
    <row r="177" spans="1:18" s="81" customFormat="1" ht="34.5" customHeight="1" x14ac:dyDescent="0.15">
      <c r="A177" s="185"/>
      <c r="B177" s="130"/>
      <c r="C177" s="257"/>
      <c r="D177" s="257"/>
      <c r="E177" s="257"/>
      <c r="F177" s="258"/>
      <c r="G177" s="257"/>
      <c r="H177" s="131" t="s">
        <v>157</v>
      </c>
      <c r="I177" s="294"/>
      <c r="J177" s="121" t="s">
        <v>29</v>
      </c>
      <c r="K177" s="122"/>
      <c r="L177" s="93"/>
      <c r="M177" s="93"/>
      <c r="N177" s="93"/>
      <c r="O177" s="93"/>
      <c r="P177" s="22"/>
      <c r="Q177" s="22"/>
      <c r="R177" s="22"/>
    </row>
    <row r="178" spans="1:18" s="81" customFormat="1" ht="34.5" customHeight="1" x14ac:dyDescent="0.15">
      <c r="A178" s="185"/>
      <c r="B178" s="130"/>
      <c r="C178" s="257"/>
      <c r="D178" s="257"/>
      <c r="E178" s="257"/>
      <c r="F178" s="258"/>
      <c r="G178" s="257" t="s">
        <v>159</v>
      </c>
      <c r="H178" s="131" t="s">
        <v>156</v>
      </c>
      <c r="I178" s="294"/>
      <c r="J178" s="117" t="s">
        <v>29</v>
      </c>
      <c r="K178" s="118"/>
      <c r="L178" s="93"/>
      <c r="M178" s="93"/>
      <c r="N178" s="93"/>
      <c r="O178" s="93"/>
      <c r="P178" s="22"/>
      <c r="Q178" s="22"/>
      <c r="R178" s="22"/>
    </row>
    <row r="179" spans="1:18" s="81" customFormat="1" ht="34.5" customHeight="1" x14ac:dyDescent="0.15">
      <c r="A179" s="185"/>
      <c r="B179" s="130"/>
      <c r="C179" s="257"/>
      <c r="D179" s="257"/>
      <c r="E179" s="257"/>
      <c r="F179" s="258"/>
      <c r="G179" s="258"/>
      <c r="H179" s="131" t="s">
        <v>157</v>
      </c>
      <c r="I179" s="294"/>
      <c r="J179" s="121" t="s">
        <v>29</v>
      </c>
      <c r="K179" s="122"/>
      <c r="L179" s="93"/>
      <c r="M179" s="93"/>
      <c r="N179" s="93"/>
      <c r="O179" s="93"/>
      <c r="P179" s="22"/>
      <c r="Q179" s="22"/>
      <c r="R179" s="22"/>
    </row>
    <row r="180" spans="1:18" s="81" customFormat="1" ht="34.5" customHeight="1" x14ac:dyDescent="0.15">
      <c r="A180" s="185"/>
      <c r="B180" s="130"/>
      <c r="C180" s="257"/>
      <c r="D180" s="257"/>
      <c r="E180" s="257"/>
      <c r="F180" s="258"/>
      <c r="G180" s="257" t="s">
        <v>161</v>
      </c>
      <c r="H180" s="131" t="s">
        <v>156</v>
      </c>
      <c r="I180" s="294"/>
      <c r="J180" s="117" t="s">
        <v>29</v>
      </c>
      <c r="K180" s="118"/>
      <c r="L180" s="93"/>
      <c r="M180" s="93"/>
      <c r="N180" s="93"/>
      <c r="O180" s="93"/>
      <c r="P180" s="22"/>
      <c r="Q180" s="22"/>
      <c r="R180" s="22"/>
    </row>
    <row r="181" spans="1:18" s="81" customFormat="1" ht="34.5" customHeight="1" x14ac:dyDescent="0.15">
      <c r="A181" s="185"/>
      <c r="B181" s="130"/>
      <c r="C181" s="257"/>
      <c r="D181" s="257"/>
      <c r="E181" s="257"/>
      <c r="F181" s="258"/>
      <c r="G181" s="258"/>
      <c r="H181" s="131" t="s">
        <v>157</v>
      </c>
      <c r="I181" s="294"/>
      <c r="J181" s="121" t="s">
        <v>29</v>
      </c>
      <c r="K181" s="122"/>
      <c r="L181" s="93"/>
      <c r="M181" s="93"/>
      <c r="N181" s="93"/>
      <c r="O181" s="93"/>
      <c r="P181" s="22"/>
      <c r="Q181" s="22"/>
      <c r="R181" s="22"/>
    </row>
    <row r="182" spans="1:18" s="81" customFormat="1" ht="34.5" customHeight="1" x14ac:dyDescent="0.15">
      <c r="A182" s="185"/>
      <c r="B182" s="130"/>
      <c r="C182" s="257"/>
      <c r="D182" s="257"/>
      <c r="E182" s="257"/>
      <c r="F182" s="258"/>
      <c r="G182" s="338" t="s">
        <v>163</v>
      </c>
      <c r="H182" s="131" t="s">
        <v>156</v>
      </c>
      <c r="I182" s="294"/>
      <c r="J182" s="117" t="s">
        <v>29</v>
      </c>
      <c r="K182" s="118"/>
      <c r="L182" s="93"/>
      <c r="M182" s="93"/>
      <c r="N182" s="93"/>
      <c r="O182" s="93"/>
      <c r="P182" s="22"/>
      <c r="Q182" s="22"/>
      <c r="R182" s="22"/>
    </row>
    <row r="183" spans="1:18" s="81" customFormat="1" ht="34.5" customHeight="1" x14ac:dyDescent="0.15">
      <c r="A183" s="185"/>
      <c r="B183" s="130"/>
      <c r="C183" s="257"/>
      <c r="D183" s="257"/>
      <c r="E183" s="257"/>
      <c r="F183" s="258"/>
      <c r="G183" s="258"/>
      <c r="H183" s="131" t="s">
        <v>157</v>
      </c>
      <c r="I183" s="294"/>
      <c r="J183" s="121" t="s">
        <v>29</v>
      </c>
      <c r="K183" s="122"/>
      <c r="L183" s="93"/>
      <c r="M183" s="93"/>
      <c r="N183" s="93"/>
      <c r="O183" s="93"/>
      <c r="P183" s="22"/>
      <c r="Q183" s="22"/>
      <c r="R183" s="22"/>
    </row>
    <row r="184" spans="1:18" s="81" customFormat="1" ht="34.5" customHeight="1" x14ac:dyDescent="0.15">
      <c r="A184" s="185"/>
      <c r="B184" s="130"/>
      <c r="C184" s="257"/>
      <c r="D184" s="257"/>
      <c r="E184" s="257"/>
      <c r="F184" s="258"/>
      <c r="G184" s="257" t="s">
        <v>165</v>
      </c>
      <c r="H184" s="131" t="s">
        <v>156</v>
      </c>
      <c r="I184" s="294"/>
      <c r="J184" s="117" t="s">
        <v>29</v>
      </c>
      <c r="K184" s="118"/>
      <c r="L184" s="93"/>
      <c r="M184" s="93"/>
      <c r="N184" s="93"/>
      <c r="O184" s="93"/>
      <c r="P184" s="22"/>
      <c r="Q184" s="22"/>
      <c r="R184" s="22"/>
    </row>
    <row r="185" spans="1:18" s="81" customFormat="1" ht="34.5" customHeight="1" x14ac:dyDescent="0.15">
      <c r="A185" s="185"/>
      <c r="B185" s="130"/>
      <c r="C185" s="257"/>
      <c r="D185" s="257"/>
      <c r="E185" s="257"/>
      <c r="F185" s="258"/>
      <c r="G185" s="258"/>
      <c r="H185" s="131" t="s">
        <v>157</v>
      </c>
      <c r="I185" s="294"/>
      <c r="J185" s="121" t="s">
        <v>29</v>
      </c>
      <c r="K185" s="122"/>
      <c r="L185" s="93"/>
      <c r="M185" s="93"/>
      <c r="N185" s="93"/>
      <c r="O185" s="93"/>
      <c r="P185" s="22"/>
      <c r="Q185" s="22"/>
      <c r="R185" s="22"/>
    </row>
    <row r="186" spans="1:18" s="81" customFormat="1" ht="34.5" customHeight="1" x14ac:dyDescent="0.15">
      <c r="A186" s="185"/>
      <c r="B186" s="130"/>
      <c r="C186" s="257"/>
      <c r="D186" s="257"/>
      <c r="E186" s="257"/>
      <c r="F186" s="258"/>
      <c r="G186" s="257" t="s">
        <v>118</v>
      </c>
      <c r="H186" s="131" t="s">
        <v>156</v>
      </c>
      <c r="I186" s="294"/>
      <c r="J186" s="117" t="s">
        <v>29</v>
      </c>
      <c r="K186" s="118"/>
      <c r="L186" s="93"/>
      <c r="M186" s="93"/>
      <c r="N186" s="93"/>
      <c r="O186" s="93"/>
      <c r="P186" s="22"/>
      <c r="Q186" s="22"/>
      <c r="R186" s="22"/>
    </row>
    <row r="187" spans="1:18" s="81" customFormat="1" ht="34.5" customHeight="1" x14ac:dyDescent="0.15">
      <c r="A187" s="185"/>
      <c r="B187" s="130"/>
      <c r="C187" s="257"/>
      <c r="D187" s="257"/>
      <c r="E187" s="257"/>
      <c r="F187" s="258"/>
      <c r="G187" s="258"/>
      <c r="H187" s="131" t="s">
        <v>157</v>
      </c>
      <c r="I187" s="295"/>
      <c r="J187" s="121" t="s">
        <v>29</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167</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4</v>
      </c>
      <c r="K193" s="72"/>
      <c r="L193" s="93"/>
      <c r="M193" s="93"/>
      <c r="N193" s="93"/>
      <c r="O193" s="93"/>
      <c r="P193" s="22"/>
      <c r="Q193" s="22"/>
      <c r="R193" s="22"/>
    </row>
    <row r="194" spans="1:18" x14ac:dyDescent="0.15">
      <c r="A194" s="185"/>
      <c r="B194" s="1"/>
      <c r="C194" s="66"/>
      <c r="D194" s="3"/>
      <c r="F194" s="3"/>
      <c r="G194" s="3"/>
      <c r="H194" s="67"/>
      <c r="I194" s="74" t="s">
        <v>67</v>
      </c>
      <c r="J194" s="75"/>
      <c r="K194" s="76"/>
      <c r="L194" s="93"/>
      <c r="M194" s="93"/>
      <c r="N194" s="93"/>
      <c r="O194" s="93"/>
      <c r="P194" s="22"/>
      <c r="Q194" s="22"/>
      <c r="R194" s="22"/>
    </row>
    <row r="195" spans="1:18" s="81" customFormat="1" ht="34.5" customHeight="1" x14ac:dyDescent="0.15">
      <c r="A195" s="185"/>
      <c r="B195" s="1"/>
      <c r="C195" s="276" t="s">
        <v>169</v>
      </c>
      <c r="D195" s="286"/>
      <c r="E195" s="335" t="s">
        <v>170</v>
      </c>
      <c r="F195" s="336"/>
      <c r="G195" s="257" t="s">
        <v>171</v>
      </c>
      <c r="H195" s="258"/>
      <c r="I195" s="251" t="s">
        <v>172</v>
      </c>
      <c r="J195" s="133">
        <v>0</v>
      </c>
      <c r="K195" s="80"/>
      <c r="L195" s="93"/>
      <c r="M195" s="93"/>
      <c r="N195" s="93"/>
      <c r="O195" s="93"/>
      <c r="P195" s="22"/>
      <c r="Q195" s="22"/>
      <c r="R195" s="22"/>
    </row>
    <row r="196" spans="1:18" s="81" customFormat="1" ht="34.5" customHeight="1" x14ac:dyDescent="0.15">
      <c r="A196" s="185"/>
      <c r="B196" s="130"/>
      <c r="C196" s="325"/>
      <c r="D196" s="327"/>
      <c r="E196" s="336"/>
      <c r="F196" s="336"/>
      <c r="G196" s="257" t="s">
        <v>174</v>
      </c>
      <c r="H196" s="258"/>
      <c r="I196" s="252"/>
      <c r="J196" s="133">
        <v>0</v>
      </c>
      <c r="K196" s="80"/>
      <c r="L196" s="93"/>
      <c r="M196" s="93"/>
      <c r="N196" s="93"/>
      <c r="O196" s="93"/>
      <c r="P196" s="22"/>
      <c r="Q196" s="22"/>
      <c r="R196" s="22"/>
    </row>
    <row r="197" spans="1:18" s="81" customFormat="1" ht="34.5" customHeight="1" x14ac:dyDescent="0.15">
      <c r="A197" s="185"/>
      <c r="B197" s="130"/>
      <c r="C197" s="325"/>
      <c r="D197" s="327"/>
      <c r="E197" s="336"/>
      <c r="F197" s="336"/>
      <c r="G197" s="257" t="s">
        <v>176</v>
      </c>
      <c r="H197" s="258"/>
      <c r="I197" s="252"/>
      <c r="J197" s="133">
        <v>0</v>
      </c>
      <c r="K197" s="80"/>
      <c r="L197" s="93"/>
      <c r="M197" s="93"/>
      <c r="N197" s="93"/>
      <c r="O197" s="93"/>
      <c r="P197" s="22"/>
      <c r="Q197" s="22"/>
      <c r="R197" s="22"/>
    </row>
    <row r="198" spans="1:18" s="81" customFormat="1" ht="34.5" customHeight="1" x14ac:dyDescent="0.15">
      <c r="A198" s="185"/>
      <c r="B198" s="130"/>
      <c r="C198" s="328"/>
      <c r="D198" s="330"/>
      <c r="E198" s="257" t="s">
        <v>118</v>
      </c>
      <c r="F198" s="258"/>
      <c r="G198" s="258"/>
      <c r="H198" s="258"/>
      <c r="I198" s="253"/>
      <c r="J198" s="133">
        <v>0</v>
      </c>
      <c r="K198" s="80"/>
      <c r="L198" s="93"/>
      <c r="M198" s="93"/>
      <c r="N198" s="93"/>
      <c r="O198" s="93"/>
      <c r="P198" s="22"/>
      <c r="Q198" s="22"/>
      <c r="R198" s="22"/>
    </row>
    <row r="199" spans="1:18" s="81" customFormat="1" ht="34.5" customHeight="1" x14ac:dyDescent="0.15">
      <c r="A199" s="185"/>
      <c r="B199" s="130"/>
      <c r="C199" s="276" t="s">
        <v>179</v>
      </c>
      <c r="D199" s="278"/>
      <c r="E199" s="257" t="s">
        <v>180</v>
      </c>
      <c r="F199" s="258"/>
      <c r="G199" s="258"/>
      <c r="H199" s="258"/>
      <c r="I199" s="251" t="s">
        <v>181</v>
      </c>
      <c r="J199" s="133">
        <v>0</v>
      </c>
      <c r="K199" s="80"/>
      <c r="L199" s="93"/>
      <c r="M199" s="93"/>
      <c r="N199" s="93"/>
      <c r="O199" s="93"/>
      <c r="P199" s="22"/>
      <c r="Q199" s="22"/>
      <c r="R199" s="22"/>
    </row>
    <row r="200" spans="1:18" s="81" customFormat="1" ht="34.5" customHeight="1" x14ac:dyDescent="0.15">
      <c r="A200" s="185"/>
      <c r="B200" s="130"/>
      <c r="C200" s="331"/>
      <c r="D200" s="305"/>
      <c r="E200" s="257" t="s">
        <v>183</v>
      </c>
      <c r="F200" s="258"/>
      <c r="G200" s="258"/>
      <c r="H200" s="258"/>
      <c r="I200" s="252"/>
      <c r="J200" s="133">
        <v>0</v>
      </c>
      <c r="K200" s="80"/>
      <c r="L200" s="93"/>
      <c r="M200" s="93"/>
      <c r="N200" s="93"/>
      <c r="O200" s="93"/>
      <c r="P200" s="22"/>
      <c r="Q200" s="22"/>
      <c r="R200" s="22"/>
    </row>
    <row r="201" spans="1:18" s="81" customFormat="1" ht="34.5" customHeight="1" x14ac:dyDescent="0.15">
      <c r="A201" s="185"/>
      <c r="B201" s="130"/>
      <c r="C201" s="332"/>
      <c r="D201" s="333"/>
      <c r="E201" s="257" t="s">
        <v>185</v>
      </c>
      <c r="F201" s="258"/>
      <c r="G201" s="258"/>
      <c r="H201" s="258"/>
      <c r="I201" s="253"/>
      <c r="J201" s="133">
        <v>0</v>
      </c>
      <c r="K201" s="80"/>
      <c r="L201" s="93"/>
      <c r="M201" s="93"/>
      <c r="N201" s="93"/>
      <c r="O201" s="93"/>
      <c r="P201" s="22"/>
      <c r="Q201" s="22"/>
      <c r="R201" s="22"/>
    </row>
    <row r="202" spans="1:18" s="81" customFormat="1" ht="60" customHeight="1" x14ac:dyDescent="0.15">
      <c r="A202" s="185"/>
      <c r="B202" s="130"/>
      <c r="C202" s="276" t="s">
        <v>118</v>
      </c>
      <c r="D202" s="278"/>
      <c r="E202" s="257" t="s">
        <v>187</v>
      </c>
      <c r="F202" s="258"/>
      <c r="G202" s="258"/>
      <c r="H202" s="258"/>
      <c r="I202" s="134" t="s">
        <v>188</v>
      </c>
      <c r="J202" s="133">
        <v>0</v>
      </c>
      <c r="K202" s="80"/>
      <c r="L202" s="93"/>
      <c r="M202" s="93"/>
      <c r="N202" s="93"/>
      <c r="O202" s="93"/>
      <c r="P202" s="22"/>
      <c r="Q202" s="22"/>
      <c r="R202" s="22"/>
    </row>
    <row r="203" spans="1:18" s="81" customFormat="1" ht="60" customHeight="1" x14ac:dyDescent="0.15">
      <c r="A203" s="185"/>
      <c r="B203" s="130"/>
      <c r="C203" s="331"/>
      <c r="D203" s="305"/>
      <c r="E203" s="257" t="s">
        <v>190</v>
      </c>
      <c r="F203" s="258"/>
      <c r="G203" s="258"/>
      <c r="H203" s="258"/>
      <c r="I203" s="292" t="s">
        <v>191</v>
      </c>
      <c r="J203" s="133">
        <v>0</v>
      </c>
      <c r="K203" s="80"/>
      <c r="L203" s="93"/>
      <c r="M203" s="93"/>
      <c r="N203" s="93"/>
      <c r="O203" s="93"/>
      <c r="P203" s="22"/>
      <c r="Q203" s="22"/>
      <c r="R203" s="22"/>
    </row>
    <row r="204" spans="1:18" s="81" customFormat="1" ht="60" customHeight="1" x14ac:dyDescent="0.15">
      <c r="A204" s="185"/>
      <c r="B204" s="130"/>
      <c r="C204" s="331"/>
      <c r="D204" s="305"/>
      <c r="E204" s="257" t="s">
        <v>193</v>
      </c>
      <c r="F204" s="258"/>
      <c r="G204" s="258"/>
      <c r="H204" s="258"/>
      <c r="I204" s="334"/>
      <c r="J204" s="133">
        <v>0</v>
      </c>
      <c r="K204" s="80"/>
      <c r="L204" s="93"/>
      <c r="M204" s="93"/>
      <c r="N204" s="93"/>
      <c r="O204" s="93"/>
      <c r="P204" s="22"/>
      <c r="Q204" s="22"/>
      <c r="R204" s="22"/>
    </row>
    <row r="205" spans="1:18" s="81" customFormat="1" ht="60" customHeight="1" x14ac:dyDescent="0.15">
      <c r="A205" s="185"/>
      <c r="B205" s="130"/>
      <c r="C205" s="331"/>
      <c r="D205" s="305"/>
      <c r="E205" s="257" t="s">
        <v>195</v>
      </c>
      <c r="F205" s="258"/>
      <c r="G205" s="258"/>
      <c r="H205" s="258"/>
      <c r="I205" s="134" t="s">
        <v>196</v>
      </c>
      <c r="J205" s="133">
        <v>0</v>
      </c>
      <c r="K205" s="80"/>
      <c r="L205" s="93"/>
      <c r="M205" s="93"/>
      <c r="N205" s="93"/>
      <c r="O205" s="93"/>
      <c r="P205" s="22"/>
      <c r="Q205" s="22"/>
      <c r="R205" s="22"/>
    </row>
    <row r="206" spans="1:18" s="81" customFormat="1" ht="60" customHeight="1" x14ac:dyDescent="0.15">
      <c r="A206" s="185"/>
      <c r="B206" s="130"/>
      <c r="C206" s="331"/>
      <c r="D206" s="305"/>
      <c r="E206" s="257" t="s">
        <v>198</v>
      </c>
      <c r="F206" s="258"/>
      <c r="G206" s="258"/>
      <c r="H206" s="258"/>
      <c r="I206" s="134" t="s">
        <v>199</v>
      </c>
      <c r="J206" s="133">
        <v>0</v>
      </c>
      <c r="K206" s="80"/>
      <c r="L206" s="93"/>
      <c r="M206" s="93"/>
      <c r="N206" s="93"/>
      <c r="O206" s="93"/>
      <c r="P206" s="22"/>
      <c r="Q206" s="22"/>
      <c r="R206" s="22"/>
    </row>
    <row r="207" spans="1:18" s="81" customFormat="1" ht="60" customHeight="1" x14ac:dyDescent="0.15">
      <c r="A207" s="185"/>
      <c r="B207" s="130"/>
      <c r="C207" s="331"/>
      <c r="D207" s="305"/>
      <c r="E207" s="257" t="s">
        <v>201</v>
      </c>
      <c r="F207" s="258"/>
      <c r="G207" s="258"/>
      <c r="H207" s="258"/>
      <c r="I207" s="134" t="s">
        <v>202</v>
      </c>
      <c r="J207" s="133">
        <v>0</v>
      </c>
      <c r="K207" s="80"/>
      <c r="L207" s="93"/>
      <c r="M207" s="93"/>
      <c r="N207" s="93"/>
      <c r="O207" s="93"/>
      <c r="P207" s="22"/>
      <c r="Q207" s="22"/>
      <c r="R207" s="22"/>
    </row>
    <row r="208" spans="1:18" s="81" customFormat="1" ht="60" customHeight="1" x14ac:dyDescent="0.15">
      <c r="A208" s="185"/>
      <c r="B208" s="130"/>
      <c r="C208" s="331"/>
      <c r="D208" s="305"/>
      <c r="E208" s="257" t="s">
        <v>204</v>
      </c>
      <c r="F208" s="258"/>
      <c r="G208" s="258"/>
      <c r="H208" s="258"/>
      <c r="I208" s="134" t="s">
        <v>205</v>
      </c>
      <c r="J208" s="133">
        <v>0</v>
      </c>
      <c r="K208" s="80"/>
      <c r="L208" s="93"/>
      <c r="M208" s="93"/>
      <c r="N208" s="93"/>
      <c r="O208" s="93"/>
      <c r="P208" s="22"/>
      <c r="Q208" s="22"/>
      <c r="R208" s="22"/>
    </row>
    <row r="209" spans="1:18" s="81" customFormat="1" ht="60" customHeight="1" x14ac:dyDescent="0.15">
      <c r="A209" s="185"/>
      <c r="B209" s="130"/>
      <c r="C209" s="331"/>
      <c r="D209" s="305"/>
      <c r="E209" s="257" t="s">
        <v>207</v>
      </c>
      <c r="F209" s="258"/>
      <c r="G209" s="258"/>
      <c r="H209" s="258"/>
      <c r="I209" s="134" t="s">
        <v>208</v>
      </c>
      <c r="J209" s="133">
        <v>0</v>
      </c>
      <c r="K209" s="80"/>
      <c r="L209" s="93"/>
      <c r="M209" s="93"/>
      <c r="N209" s="93"/>
      <c r="O209" s="93"/>
      <c r="P209" s="22"/>
      <c r="Q209" s="22"/>
      <c r="R209" s="22"/>
    </row>
    <row r="210" spans="1:18" s="81" customFormat="1" ht="60" customHeight="1" x14ac:dyDescent="0.15">
      <c r="A210" s="185"/>
      <c r="B210" s="130"/>
      <c r="C210" s="331"/>
      <c r="D210" s="305"/>
      <c r="E210" s="257" t="s">
        <v>210</v>
      </c>
      <c r="F210" s="258"/>
      <c r="G210" s="258"/>
      <c r="H210" s="258"/>
      <c r="I210" s="134" t="s">
        <v>211</v>
      </c>
      <c r="J210" s="133">
        <v>0</v>
      </c>
      <c r="K210" s="80"/>
      <c r="L210" s="93"/>
      <c r="M210" s="93"/>
      <c r="N210" s="93"/>
      <c r="O210" s="93"/>
      <c r="P210" s="22"/>
      <c r="Q210" s="22"/>
      <c r="R210" s="22"/>
    </row>
    <row r="211" spans="1:18" s="81" customFormat="1" ht="57" x14ac:dyDescent="0.15">
      <c r="A211" s="185"/>
      <c r="B211" s="130"/>
      <c r="C211" s="332"/>
      <c r="D211" s="333"/>
      <c r="E211" s="257" t="s">
        <v>213</v>
      </c>
      <c r="F211" s="258"/>
      <c r="G211" s="258"/>
      <c r="H211" s="258"/>
      <c r="I211" s="134" t="s">
        <v>214</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215</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4</v>
      </c>
      <c r="K217" s="72"/>
      <c r="L217" s="6"/>
      <c r="M217" s="6"/>
      <c r="N217" s="136"/>
      <c r="O217" s="136"/>
      <c r="P217" s="22"/>
      <c r="Q217" s="22"/>
      <c r="R217" s="22"/>
    </row>
    <row r="218" spans="1:18" s="137" customFormat="1" x14ac:dyDescent="0.15">
      <c r="A218" s="185"/>
      <c r="B218" s="1"/>
      <c r="C218" s="3"/>
      <c r="D218" s="3"/>
      <c r="E218" s="3"/>
      <c r="F218" s="3"/>
      <c r="G218" s="3"/>
      <c r="H218" s="67"/>
      <c r="I218" s="74" t="s">
        <v>67</v>
      </c>
      <c r="J218" s="75"/>
      <c r="K218" s="76"/>
      <c r="L218" s="6"/>
      <c r="M218" s="6"/>
      <c r="N218" s="136"/>
      <c r="O218" s="136"/>
      <c r="P218" s="22"/>
      <c r="Q218" s="22"/>
      <c r="R218" s="22"/>
    </row>
    <row r="219" spans="1:18" s="137" customFormat="1" ht="34.5" customHeight="1" x14ac:dyDescent="0.15">
      <c r="A219" s="185"/>
      <c r="B219" s="138"/>
      <c r="C219" s="257" t="s">
        <v>217</v>
      </c>
      <c r="D219" s="257"/>
      <c r="E219" s="257"/>
      <c r="F219" s="257"/>
      <c r="G219" s="257"/>
      <c r="H219" s="257"/>
      <c r="I219" s="292" t="s">
        <v>218</v>
      </c>
      <c r="J219" s="139"/>
      <c r="K219" s="80"/>
      <c r="L219" s="6"/>
      <c r="M219" s="6"/>
      <c r="N219" s="136"/>
      <c r="O219" s="136"/>
      <c r="P219" s="22"/>
      <c r="Q219" s="22"/>
      <c r="R219" s="22"/>
    </row>
    <row r="220" spans="1:18" s="137" customFormat="1" ht="34.5" customHeight="1" x14ac:dyDescent="0.15">
      <c r="A220" s="185"/>
      <c r="B220" s="138"/>
      <c r="C220" s="257" t="s">
        <v>219</v>
      </c>
      <c r="D220" s="258"/>
      <c r="E220" s="258"/>
      <c r="F220" s="258"/>
      <c r="G220" s="258"/>
      <c r="H220" s="258"/>
      <c r="I220" s="252"/>
      <c r="J220" s="139"/>
      <c r="K220" s="80"/>
      <c r="L220" s="6"/>
      <c r="M220" s="6"/>
      <c r="N220" s="136"/>
      <c r="O220" s="136"/>
      <c r="P220" s="22"/>
      <c r="Q220" s="22"/>
      <c r="R220" s="22"/>
    </row>
    <row r="221" spans="1:18" s="137" customFormat="1" ht="34.5" customHeight="1" x14ac:dyDescent="0.15">
      <c r="A221" s="185"/>
      <c r="B221" s="138"/>
      <c r="C221" s="257" t="s">
        <v>220</v>
      </c>
      <c r="D221" s="258"/>
      <c r="E221" s="258"/>
      <c r="F221" s="258"/>
      <c r="G221" s="258"/>
      <c r="H221" s="258"/>
      <c r="I221" s="252"/>
      <c r="J221" s="139"/>
      <c r="K221" s="80"/>
      <c r="L221" s="6"/>
      <c r="M221" s="6"/>
      <c r="N221" s="136"/>
      <c r="O221" s="136"/>
      <c r="P221" s="22"/>
      <c r="Q221" s="22"/>
      <c r="R221" s="22"/>
    </row>
    <row r="222" spans="1:18" s="137" customFormat="1" ht="34.5" customHeight="1" x14ac:dyDescent="0.15">
      <c r="A222" s="185"/>
      <c r="B222" s="138"/>
      <c r="C222" s="257" t="s">
        <v>221</v>
      </c>
      <c r="D222" s="258"/>
      <c r="E222" s="258"/>
      <c r="F222" s="258"/>
      <c r="G222" s="258"/>
      <c r="H222" s="258"/>
      <c r="I222" s="252"/>
      <c r="J222" s="139"/>
      <c r="K222" s="80"/>
      <c r="L222" s="6"/>
      <c r="M222" s="6"/>
      <c r="N222" s="136"/>
      <c r="O222" s="136"/>
      <c r="P222" s="22"/>
      <c r="Q222" s="22"/>
      <c r="R222" s="22"/>
    </row>
    <row r="223" spans="1:18" s="137" customFormat="1" ht="34.5" customHeight="1" x14ac:dyDescent="0.15">
      <c r="A223" s="185"/>
      <c r="B223" s="138"/>
      <c r="C223" s="257" t="s">
        <v>222</v>
      </c>
      <c r="D223" s="258"/>
      <c r="E223" s="258"/>
      <c r="F223" s="258"/>
      <c r="G223" s="258"/>
      <c r="H223" s="258"/>
      <c r="I223" s="252"/>
      <c r="J223" s="139"/>
      <c r="K223" s="80"/>
      <c r="L223" s="6"/>
      <c r="M223" s="6"/>
      <c r="N223" s="136"/>
      <c r="O223" s="136"/>
      <c r="P223" s="22"/>
      <c r="Q223" s="22"/>
      <c r="R223" s="22"/>
    </row>
    <row r="224" spans="1:18" s="137" customFormat="1" ht="34.5" customHeight="1" x14ac:dyDescent="0.15">
      <c r="A224" s="185"/>
      <c r="B224" s="138"/>
      <c r="C224" s="257" t="s">
        <v>223</v>
      </c>
      <c r="D224" s="314"/>
      <c r="E224" s="314"/>
      <c r="F224" s="314"/>
      <c r="G224" s="314"/>
      <c r="H224" s="314"/>
      <c r="I224" s="252"/>
      <c r="J224" s="139" t="s">
        <v>670</v>
      </c>
      <c r="K224" s="80"/>
      <c r="L224" s="6"/>
      <c r="M224" s="6"/>
      <c r="N224" s="136"/>
      <c r="O224" s="136"/>
      <c r="P224" s="22"/>
      <c r="Q224" s="22"/>
      <c r="R224" s="22"/>
    </row>
    <row r="225" spans="1:51" s="137" customFormat="1" ht="34.5" customHeight="1" x14ac:dyDescent="0.15">
      <c r="A225" s="185"/>
      <c r="B225" s="138"/>
      <c r="C225" s="257" t="s">
        <v>89</v>
      </c>
      <c r="D225" s="314"/>
      <c r="E225" s="314"/>
      <c r="F225" s="314"/>
      <c r="G225" s="314"/>
      <c r="H225" s="314"/>
      <c r="I225" s="253"/>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68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4</v>
      </c>
      <c r="K232" s="72"/>
      <c r="L232" s="9"/>
    </row>
    <row r="233" spans="1:51" s="137" customFormat="1" x14ac:dyDescent="0.15">
      <c r="A233" s="185"/>
      <c r="B233" s="1"/>
      <c r="C233" s="3"/>
      <c r="D233" s="3"/>
      <c r="E233" s="3"/>
      <c r="F233" s="3"/>
      <c r="G233" s="3"/>
      <c r="H233" s="67"/>
      <c r="I233" s="74" t="s">
        <v>67</v>
      </c>
      <c r="J233" s="143"/>
      <c r="K233" s="76"/>
      <c r="L233" s="9"/>
    </row>
    <row r="234" spans="1:51" s="137" customFormat="1" ht="17.25" customHeight="1" x14ac:dyDescent="0.15">
      <c r="A234" s="185"/>
      <c r="B234" s="144"/>
      <c r="C234" s="363" t="s">
        <v>680</v>
      </c>
      <c r="D234" s="364"/>
      <c r="E234" s="364"/>
      <c r="F234" s="364"/>
      <c r="G234" s="364"/>
      <c r="H234" s="365"/>
      <c r="I234" s="322" t="s">
        <v>681</v>
      </c>
      <c r="J234" s="145"/>
      <c r="K234" s="146"/>
      <c r="L234" s="9"/>
    </row>
    <row r="235" spans="1:51" s="137" customFormat="1" ht="17.25" customHeight="1" x14ac:dyDescent="0.15">
      <c r="A235" s="185"/>
      <c r="B235" s="147"/>
      <c r="C235" s="366"/>
      <c r="D235" s="367"/>
      <c r="E235" s="367"/>
      <c r="F235" s="367"/>
      <c r="G235" s="367"/>
      <c r="H235" s="368"/>
      <c r="I235" s="322"/>
      <c r="J235" s="148"/>
      <c r="K235" s="149"/>
      <c r="L235" s="9"/>
    </row>
    <row r="236" spans="1:51" s="137" customFormat="1" ht="17.25" customHeight="1" x14ac:dyDescent="0.15">
      <c r="A236" s="185"/>
      <c r="B236" s="147"/>
      <c r="C236" s="366"/>
      <c r="D236" s="367"/>
      <c r="E236" s="367"/>
      <c r="F236" s="367"/>
      <c r="G236" s="367"/>
      <c r="H236" s="368"/>
      <c r="I236" s="322"/>
      <c r="J236" s="150" t="s">
        <v>29</v>
      </c>
      <c r="K236" s="149"/>
      <c r="L236" s="9"/>
    </row>
    <row r="237" spans="1:51" s="137" customFormat="1" ht="17.25" customHeight="1" x14ac:dyDescent="0.15">
      <c r="A237" s="185"/>
      <c r="B237" s="147"/>
      <c r="C237" s="366"/>
      <c r="D237" s="367"/>
      <c r="E237" s="367"/>
      <c r="F237" s="367"/>
      <c r="G237" s="367"/>
      <c r="H237" s="368"/>
      <c r="I237" s="322"/>
      <c r="J237" s="151"/>
      <c r="K237" s="149"/>
      <c r="L237" s="9"/>
    </row>
    <row r="238" spans="1:51" s="137" customFormat="1" ht="17.25" customHeight="1" x14ac:dyDescent="0.15">
      <c r="A238" s="185"/>
      <c r="B238" s="147"/>
      <c r="C238" s="369"/>
      <c r="D238" s="370"/>
      <c r="E238" s="370"/>
      <c r="F238" s="370"/>
      <c r="G238" s="370"/>
      <c r="H238" s="371"/>
      <c r="I238" s="322"/>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682</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6"/>
      <c r="M243" s="306"/>
      <c r="N243" s="306"/>
      <c r="O243" s="306"/>
      <c r="P243" s="306"/>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6"/>
      <c r="M244" s="306"/>
      <c r="N244" s="306"/>
      <c r="O244" s="306"/>
      <c r="P244" s="306"/>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6"/>
      <c r="M245" s="306"/>
      <c r="N245" s="306"/>
      <c r="O245" s="306"/>
      <c r="P245" s="306"/>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6"/>
      <c r="M246" s="306"/>
      <c r="N246" s="306"/>
      <c r="O246" s="306"/>
      <c r="P246" s="306"/>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6"/>
      <c r="M247" s="306"/>
      <c r="N247" s="306"/>
      <c r="O247" s="306"/>
      <c r="P247" s="306"/>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6"/>
      <c r="M248" s="306"/>
      <c r="N248" s="306"/>
      <c r="O248" s="306"/>
      <c r="P248" s="306"/>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22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23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4</v>
      </c>
      <c r="K256" s="72"/>
      <c r="L256" s="93"/>
      <c r="M256" s="93"/>
      <c r="N256" s="93"/>
      <c r="O256" s="93"/>
      <c r="P256" s="22"/>
      <c r="Q256" s="22"/>
      <c r="R256" s="22"/>
    </row>
    <row r="257" spans="1:18" x14ac:dyDescent="0.15">
      <c r="A257" s="185"/>
      <c r="B257" s="1"/>
      <c r="C257" s="3"/>
      <c r="D257" s="3"/>
      <c r="F257" s="3"/>
      <c r="G257" s="3"/>
      <c r="H257" s="67"/>
      <c r="I257" s="74" t="s">
        <v>67</v>
      </c>
      <c r="J257" s="75"/>
      <c r="K257" s="76"/>
      <c r="L257" s="93"/>
      <c r="M257" s="93"/>
      <c r="N257" s="93"/>
      <c r="O257" s="93"/>
      <c r="P257" s="22"/>
      <c r="Q257" s="22"/>
      <c r="R257" s="22"/>
    </row>
    <row r="258" spans="1:18" s="81" customFormat="1" ht="34.5" customHeight="1" x14ac:dyDescent="0.15">
      <c r="A258" s="185"/>
      <c r="B258" s="88"/>
      <c r="C258" s="311" t="s">
        <v>232</v>
      </c>
      <c r="D258" s="315" t="s">
        <v>233</v>
      </c>
      <c r="E258" s="321"/>
      <c r="F258" s="321"/>
      <c r="G258" s="321"/>
      <c r="H258" s="321"/>
      <c r="I258" s="322" t="s">
        <v>683</v>
      </c>
      <c r="J258" s="117">
        <v>0</v>
      </c>
      <c r="K258" s="118" t="s">
        <v>408</v>
      </c>
      <c r="L258" s="93"/>
      <c r="M258" s="93"/>
      <c r="N258" s="93"/>
      <c r="O258" s="93"/>
      <c r="P258" s="22"/>
      <c r="Q258" s="22"/>
      <c r="R258" s="22"/>
    </row>
    <row r="259" spans="1:18" s="81" customFormat="1" ht="34.5" customHeight="1" x14ac:dyDescent="0.15">
      <c r="A259" s="185"/>
      <c r="B259" s="88"/>
      <c r="C259" s="320"/>
      <c r="D259" s="323"/>
      <c r="E259" s="257" t="s">
        <v>236</v>
      </c>
      <c r="F259" s="257"/>
      <c r="G259" s="257"/>
      <c r="H259" s="257"/>
      <c r="I259" s="322"/>
      <c r="J259" s="117" t="s">
        <v>29</v>
      </c>
      <c r="K259" s="118" t="s">
        <v>408</v>
      </c>
      <c r="L259" s="93"/>
      <c r="M259" s="93"/>
      <c r="N259" s="93"/>
      <c r="O259" s="93"/>
      <c r="P259" s="22"/>
      <c r="Q259" s="22"/>
      <c r="R259" s="22"/>
    </row>
    <row r="260" spans="1:18" s="81" customFormat="1" ht="34.5" customHeight="1" x14ac:dyDescent="0.15">
      <c r="A260" s="185"/>
      <c r="B260" s="88"/>
      <c r="C260" s="320"/>
      <c r="D260" s="324"/>
      <c r="E260" s="315" t="s">
        <v>238</v>
      </c>
      <c r="F260" s="321"/>
      <c r="G260" s="321"/>
      <c r="H260" s="321"/>
      <c r="I260" s="322"/>
      <c r="J260" s="159" t="s">
        <v>29</v>
      </c>
      <c r="K260" s="118" t="s">
        <v>408</v>
      </c>
      <c r="L260" s="93"/>
      <c r="M260" s="93"/>
      <c r="N260" s="93"/>
      <c r="O260" s="93"/>
      <c r="P260" s="22"/>
      <c r="Q260" s="22"/>
      <c r="R260" s="22"/>
    </row>
    <row r="261" spans="1:18" s="81" customFormat="1" ht="34.5" customHeight="1" x14ac:dyDescent="0.15">
      <c r="A261" s="185"/>
      <c r="B261" s="1"/>
      <c r="C261" s="320"/>
      <c r="D261" s="257" t="s">
        <v>240</v>
      </c>
      <c r="E261" s="258"/>
      <c r="F261" s="258"/>
      <c r="G261" s="258"/>
      <c r="H261" s="258"/>
      <c r="I261" s="322"/>
      <c r="J261" s="117">
        <v>0</v>
      </c>
      <c r="K261" s="118" t="s">
        <v>408</v>
      </c>
      <c r="L261" s="93"/>
      <c r="M261" s="93"/>
      <c r="N261" s="93"/>
      <c r="O261" s="93"/>
      <c r="P261" s="22"/>
      <c r="Q261" s="22"/>
      <c r="R261" s="22"/>
    </row>
    <row r="262" spans="1:18" s="81" customFormat="1" ht="34.5" customHeight="1" x14ac:dyDescent="0.15">
      <c r="A262" s="185"/>
      <c r="B262" s="107"/>
      <c r="C262" s="320"/>
      <c r="D262" s="257" t="s">
        <v>242</v>
      </c>
      <c r="E262" s="258"/>
      <c r="F262" s="258"/>
      <c r="G262" s="258"/>
      <c r="H262" s="258"/>
      <c r="I262" s="322"/>
      <c r="J262" s="117">
        <v>0</v>
      </c>
      <c r="K262" s="118" t="s">
        <v>408</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684</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4</v>
      </c>
      <c r="K268" s="72"/>
      <c r="L268" s="73"/>
      <c r="M268" s="73"/>
      <c r="N268" s="73"/>
      <c r="O268" s="73"/>
      <c r="P268" s="22"/>
      <c r="Q268" s="22"/>
      <c r="R268" s="22"/>
    </row>
    <row r="269" spans="1:18" x14ac:dyDescent="0.15">
      <c r="A269" s="185"/>
      <c r="B269" s="1"/>
      <c r="C269" s="66"/>
      <c r="D269" s="3"/>
      <c r="F269" s="3"/>
      <c r="G269" s="3"/>
      <c r="H269" s="67"/>
      <c r="I269" s="74" t="s">
        <v>67</v>
      </c>
      <c r="J269" s="75"/>
      <c r="K269" s="76"/>
      <c r="L269" s="73"/>
      <c r="M269" s="73"/>
      <c r="N269" s="73"/>
      <c r="O269" s="73"/>
      <c r="P269" s="22"/>
      <c r="Q269" s="22"/>
      <c r="R269" s="22"/>
    </row>
    <row r="270" spans="1:18" s="81" customFormat="1" ht="34.5" customHeight="1" x14ac:dyDescent="0.15">
      <c r="A270" s="185"/>
      <c r="B270" s="107"/>
      <c r="C270" s="311" t="s">
        <v>685</v>
      </c>
      <c r="D270" s="257" t="s">
        <v>686</v>
      </c>
      <c r="E270" s="257"/>
      <c r="F270" s="257"/>
      <c r="G270" s="257"/>
      <c r="H270" s="257"/>
      <c r="I270" s="292" t="s">
        <v>687</v>
      </c>
      <c r="J270" s="117">
        <v>0</v>
      </c>
      <c r="K270" s="118" t="s">
        <v>408</v>
      </c>
      <c r="L270" s="73"/>
      <c r="M270" s="73"/>
      <c r="N270" s="73"/>
      <c r="O270" s="73"/>
      <c r="P270" s="22"/>
      <c r="Q270" s="22"/>
      <c r="R270" s="22"/>
    </row>
    <row r="271" spans="1:18" s="81" customFormat="1" ht="34.5" customHeight="1" x14ac:dyDescent="0.15">
      <c r="A271" s="185"/>
      <c r="B271" s="107"/>
      <c r="C271" s="311"/>
      <c r="D271" s="310" t="s">
        <v>247</v>
      </c>
      <c r="E271" s="312" t="s">
        <v>248</v>
      </c>
      <c r="F271" s="337"/>
      <c r="G271" s="337"/>
      <c r="H271" s="337"/>
      <c r="I271" s="308"/>
      <c r="J271" s="117" t="s">
        <v>29</v>
      </c>
      <c r="K271" s="118" t="s">
        <v>408</v>
      </c>
      <c r="L271" s="73"/>
      <c r="M271" s="73"/>
      <c r="N271" s="73"/>
      <c r="O271" s="73"/>
      <c r="P271" s="22"/>
      <c r="Q271" s="22"/>
      <c r="R271" s="22"/>
    </row>
    <row r="272" spans="1:18" s="81" customFormat="1" ht="34.5" customHeight="1" x14ac:dyDescent="0.15">
      <c r="A272" s="185"/>
      <c r="B272" s="107"/>
      <c r="C272" s="311"/>
      <c r="D272" s="311"/>
      <c r="E272" s="257" t="s">
        <v>250</v>
      </c>
      <c r="F272" s="258"/>
      <c r="G272" s="258"/>
      <c r="H272" s="258"/>
      <c r="I272" s="308"/>
      <c r="J272" s="117" t="s">
        <v>29</v>
      </c>
      <c r="K272" s="118" t="s">
        <v>408</v>
      </c>
      <c r="L272" s="73"/>
      <c r="M272" s="73"/>
      <c r="N272" s="73"/>
      <c r="O272" s="73"/>
      <c r="P272" s="22"/>
      <c r="Q272" s="22"/>
      <c r="R272" s="22"/>
    </row>
    <row r="273" spans="1:18" s="81" customFormat="1" ht="34.5" customHeight="1" x14ac:dyDescent="0.15">
      <c r="A273" s="185"/>
      <c r="B273" s="107"/>
      <c r="C273" s="311"/>
      <c r="D273" s="311"/>
      <c r="E273" s="257" t="s">
        <v>688</v>
      </c>
      <c r="F273" s="258"/>
      <c r="G273" s="258"/>
      <c r="H273" s="258"/>
      <c r="I273" s="308"/>
      <c r="J273" s="117" t="s">
        <v>29</v>
      </c>
      <c r="K273" s="118" t="s">
        <v>408</v>
      </c>
      <c r="L273" s="73"/>
      <c r="M273" s="73"/>
      <c r="N273" s="73"/>
      <c r="O273" s="73"/>
      <c r="P273" s="22"/>
      <c r="Q273" s="22"/>
      <c r="R273" s="22"/>
    </row>
    <row r="274" spans="1:18" s="81" customFormat="1" ht="34.5" customHeight="1" x14ac:dyDescent="0.15">
      <c r="A274" s="185"/>
      <c r="B274" s="107"/>
      <c r="C274" s="311"/>
      <c r="D274" s="311"/>
      <c r="E274" s="257" t="s">
        <v>256</v>
      </c>
      <c r="F274" s="258"/>
      <c r="G274" s="258"/>
      <c r="H274" s="258"/>
      <c r="I274" s="308"/>
      <c r="J274" s="117" t="s">
        <v>29</v>
      </c>
      <c r="K274" s="118" t="s">
        <v>408</v>
      </c>
      <c r="L274" s="73"/>
      <c r="M274" s="73"/>
      <c r="N274" s="73"/>
      <c r="O274" s="73"/>
      <c r="P274" s="22"/>
      <c r="Q274" s="22"/>
      <c r="R274" s="22"/>
    </row>
    <row r="275" spans="1:18" s="81" customFormat="1" ht="34.5" customHeight="1" x14ac:dyDescent="0.15">
      <c r="A275" s="185"/>
      <c r="B275" s="107"/>
      <c r="C275" s="311"/>
      <c r="D275" s="254"/>
      <c r="E275" s="315" t="s">
        <v>118</v>
      </c>
      <c r="F275" s="321"/>
      <c r="G275" s="321"/>
      <c r="H275" s="321"/>
      <c r="I275" s="308"/>
      <c r="J275" s="117" t="s">
        <v>29</v>
      </c>
      <c r="K275" s="118" t="s">
        <v>408</v>
      </c>
      <c r="L275" s="73"/>
      <c r="M275" s="73"/>
      <c r="N275" s="73"/>
      <c r="O275" s="73"/>
      <c r="P275" s="22"/>
      <c r="Q275" s="22"/>
      <c r="R275" s="22"/>
    </row>
    <row r="276" spans="1:18" s="81" customFormat="1" ht="34.5" customHeight="1" x14ac:dyDescent="0.15">
      <c r="A276" s="185"/>
      <c r="B276" s="107"/>
      <c r="C276" s="311"/>
      <c r="D276" s="257" t="s">
        <v>689</v>
      </c>
      <c r="E276" s="258"/>
      <c r="F276" s="258"/>
      <c r="G276" s="258"/>
      <c r="H276" s="258"/>
      <c r="I276" s="308"/>
      <c r="J276" s="117">
        <v>0</v>
      </c>
      <c r="K276" s="118" t="s">
        <v>408</v>
      </c>
      <c r="L276" s="73"/>
      <c r="M276" s="73"/>
      <c r="N276" s="73"/>
      <c r="O276" s="73"/>
      <c r="P276" s="22"/>
      <c r="Q276" s="22"/>
      <c r="R276" s="22"/>
    </row>
    <row r="277" spans="1:18" s="81" customFormat="1" ht="34.5" customHeight="1" x14ac:dyDescent="0.15">
      <c r="A277" s="185"/>
      <c r="B277" s="107"/>
      <c r="C277" s="311"/>
      <c r="D277" s="310" t="s">
        <v>260</v>
      </c>
      <c r="E277" s="312" t="s">
        <v>261</v>
      </c>
      <c r="F277" s="337"/>
      <c r="G277" s="337"/>
      <c r="H277" s="337"/>
      <c r="I277" s="308"/>
      <c r="J277" s="117" t="s">
        <v>29</v>
      </c>
      <c r="K277" s="118" t="s">
        <v>408</v>
      </c>
      <c r="L277" s="73"/>
      <c r="M277" s="73"/>
      <c r="N277" s="73"/>
      <c r="O277" s="73"/>
      <c r="P277" s="22"/>
      <c r="Q277" s="22"/>
      <c r="R277" s="22"/>
    </row>
    <row r="278" spans="1:18" s="81" customFormat="1" ht="34.5" customHeight="1" x14ac:dyDescent="0.15">
      <c r="A278" s="185"/>
      <c r="B278" s="107"/>
      <c r="C278" s="311"/>
      <c r="D278" s="311"/>
      <c r="E278" s="257" t="s">
        <v>263</v>
      </c>
      <c r="F278" s="258"/>
      <c r="G278" s="258"/>
      <c r="H278" s="258"/>
      <c r="I278" s="308"/>
      <c r="J278" s="117" t="s">
        <v>29</v>
      </c>
      <c r="K278" s="118" t="s">
        <v>408</v>
      </c>
      <c r="L278" s="73"/>
      <c r="M278" s="73"/>
      <c r="N278" s="73"/>
      <c r="O278" s="73"/>
      <c r="P278" s="22"/>
      <c r="Q278" s="22"/>
      <c r="R278" s="22"/>
    </row>
    <row r="279" spans="1:18" s="81" customFormat="1" ht="34.5" customHeight="1" x14ac:dyDescent="0.15">
      <c r="A279" s="185"/>
      <c r="B279" s="107"/>
      <c r="C279" s="311"/>
      <c r="D279" s="311"/>
      <c r="E279" s="257" t="s">
        <v>265</v>
      </c>
      <c r="F279" s="258"/>
      <c r="G279" s="258"/>
      <c r="H279" s="258"/>
      <c r="I279" s="308"/>
      <c r="J279" s="117" t="s">
        <v>29</v>
      </c>
      <c r="K279" s="118" t="s">
        <v>408</v>
      </c>
      <c r="L279" s="73"/>
      <c r="M279" s="73"/>
      <c r="N279" s="73"/>
      <c r="O279" s="73"/>
      <c r="P279" s="22"/>
      <c r="Q279" s="22"/>
      <c r="R279" s="22"/>
    </row>
    <row r="280" spans="1:18" s="81" customFormat="1" ht="34.5" customHeight="1" x14ac:dyDescent="0.15">
      <c r="A280" s="185"/>
      <c r="B280" s="107"/>
      <c r="C280" s="311"/>
      <c r="D280" s="311"/>
      <c r="E280" s="257" t="s">
        <v>267</v>
      </c>
      <c r="F280" s="258"/>
      <c r="G280" s="258"/>
      <c r="H280" s="258"/>
      <c r="I280" s="308"/>
      <c r="J280" s="117" t="s">
        <v>29</v>
      </c>
      <c r="K280" s="118" t="s">
        <v>408</v>
      </c>
      <c r="L280" s="73"/>
      <c r="M280" s="73"/>
      <c r="N280" s="73"/>
      <c r="O280" s="73"/>
      <c r="P280" s="22"/>
      <c r="Q280" s="22"/>
      <c r="R280" s="22"/>
    </row>
    <row r="281" spans="1:18" s="81" customFormat="1" ht="34.5" customHeight="1" x14ac:dyDescent="0.15">
      <c r="A281" s="185"/>
      <c r="B281" s="107"/>
      <c r="C281" s="311"/>
      <c r="D281" s="311"/>
      <c r="E281" s="257" t="s">
        <v>271</v>
      </c>
      <c r="F281" s="258"/>
      <c r="G281" s="258"/>
      <c r="H281" s="258"/>
      <c r="I281" s="308"/>
      <c r="J281" s="117" t="s">
        <v>29</v>
      </c>
      <c r="K281" s="118" t="s">
        <v>408</v>
      </c>
      <c r="L281" s="73"/>
      <c r="M281" s="73"/>
      <c r="N281" s="73"/>
      <c r="O281" s="73"/>
      <c r="P281" s="22"/>
      <c r="Q281" s="22"/>
      <c r="R281" s="22"/>
    </row>
    <row r="282" spans="1:18" s="81" customFormat="1" ht="34.5" customHeight="1" x14ac:dyDescent="0.15">
      <c r="A282" s="185"/>
      <c r="B282" s="107"/>
      <c r="C282" s="311"/>
      <c r="D282" s="311"/>
      <c r="E282" s="257" t="s">
        <v>273</v>
      </c>
      <c r="F282" s="258"/>
      <c r="G282" s="258"/>
      <c r="H282" s="258"/>
      <c r="I282" s="308"/>
      <c r="J282" s="117" t="s">
        <v>29</v>
      </c>
      <c r="K282" s="118" t="s">
        <v>408</v>
      </c>
      <c r="L282" s="73"/>
      <c r="M282" s="73"/>
      <c r="N282" s="73"/>
      <c r="O282" s="73"/>
      <c r="P282" s="22"/>
      <c r="Q282" s="22"/>
      <c r="R282" s="22"/>
    </row>
    <row r="283" spans="1:18" s="81" customFormat="1" ht="34.5" customHeight="1" x14ac:dyDescent="0.15">
      <c r="A283" s="185"/>
      <c r="B283" s="107"/>
      <c r="C283" s="311"/>
      <c r="D283" s="311"/>
      <c r="E283" s="257" t="s">
        <v>118</v>
      </c>
      <c r="F283" s="258"/>
      <c r="G283" s="258"/>
      <c r="H283" s="258"/>
      <c r="I283" s="309"/>
      <c r="J283" s="117" t="s">
        <v>29</v>
      </c>
      <c r="K283" s="118" t="s">
        <v>408</v>
      </c>
      <c r="L283" s="73"/>
      <c r="M283" s="73"/>
      <c r="N283" s="73"/>
      <c r="O283" s="73"/>
      <c r="P283" s="22"/>
      <c r="Q283" s="22"/>
      <c r="R283" s="22"/>
    </row>
    <row r="284" spans="1:18" s="81" customFormat="1" ht="34.5" customHeight="1" x14ac:dyDescent="0.15">
      <c r="A284" s="185"/>
      <c r="B284" s="107"/>
      <c r="C284" s="311" t="s">
        <v>232</v>
      </c>
      <c r="D284" s="257" t="s">
        <v>233</v>
      </c>
      <c r="E284" s="257"/>
      <c r="F284" s="257"/>
      <c r="G284" s="257"/>
      <c r="H284" s="257"/>
      <c r="I284" s="292" t="s">
        <v>690</v>
      </c>
      <c r="J284" s="117">
        <v>0</v>
      </c>
      <c r="K284" s="118" t="s">
        <v>408</v>
      </c>
      <c r="L284" s="73"/>
      <c r="M284" s="73"/>
      <c r="N284" s="73"/>
      <c r="O284" s="73"/>
      <c r="P284" s="22"/>
      <c r="Q284" s="22"/>
      <c r="R284" s="22"/>
    </row>
    <row r="285" spans="1:18" s="81" customFormat="1" ht="34.5" customHeight="1" x14ac:dyDescent="0.15">
      <c r="A285" s="185"/>
      <c r="B285" s="107"/>
      <c r="C285" s="311"/>
      <c r="D285" s="310" t="s">
        <v>247</v>
      </c>
      <c r="E285" s="312" t="s">
        <v>248</v>
      </c>
      <c r="F285" s="313"/>
      <c r="G285" s="313"/>
      <c r="H285" s="313"/>
      <c r="I285" s="308"/>
      <c r="J285" s="117" t="s">
        <v>29</v>
      </c>
      <c r="K285" s="118" t="s">
        <v>408</v>
      </c>
      <c r="L285" s="73"/>
      <c r="M285" s="73"/>
      <c r="N285" s="73"/>
      <c r="O285" s="73"/>
      <c r="P285" s="22"/>
      <c r="Q285" s="22"/>
      <c r="R285" s="22"/>
    </row>
    <row r="286" spans="1:18" s="81" customFormat="1" ht="34.5" customHeight="1" x14ac:dyDescent="0.15">
      <c r="A286" s="185"/>
      <c r="B286" s="107"/>
      <c r="C286" s="311"/>
      <c r="D286" s="311"/>
      <c r="E286" s="257" t="s">
        <v>250</v>
      </c>
      <c r="F286" s="314"/>
      <c r="G286" s="314"/>
      <c r="H286" s="314"/>
      <c r="I286" s="308"/>
      <c r="J286" s="117" t="s">
        <v>29</v>
      </c>
      <c r="K286" s="118" t="s">
        <v>408</v>
      </c>
      <c r="L286" s="73"/>
      <c r="M286" s="73"/>
      <c r="N286" s="73"/>
      <c r="O286" s="73"/>
      <c r="P286" s="22"/>
      <c r="Q286" s="22"/>
      <c r="R286" s="22"/>
    </row>
    <row r="287" spans="1:18" s="81" customFormat="1" ht="34.5" customHeight="1" x14ac:dyDescent="0.15">
      <c r="A287" s="185"/>
      <c r="B287" s="107"/>
      <c r="C287" s="311"/>
      <c r="D287" s="311"/>
      <c r="E287" s="257" t="s">
        <v>688</v>
      </c>
      <c r="F287" s="314"/>
      <c r="G287" s="314"/>
      <c r="H287" s="314"/>
      <c r="I287" s="308"/>
      <c r="J287" s="117" t="s">
        <v>29</v>
      </c>
      <c r="K287" s="118" t="s">
        <v>408</v>
      </c>
      <c r="L287" s="73"/>
      <c r="M287" s="73"/>
      <c r="N287" s="73"/>
      <c r="O287" s="73"/>
      <c r="P287" s="22"/>
      <c r="Q287" s="22"/>
      <c r="R287" s="22"/>
    </row>
    <row r="288" spans="1:18" s="81" customFormat="1" ht="34.5" customHeight="1" x14ac:dyDescent="0.15">
      <c r="A288" s="185"/>
      <c r="B288" s="107"/>
      <c r="C288" s="311"/>
      <c r="D288" s="311"/>
      <c r="E288" s="257" t="s">
        <v>256</v>
      </c>
      <c r="F288" s="314"/>
      <c r="G288" s="314"/>
      <c r="H288" s="314"/>
      <c r="I288" s="308"/>
      <c r="J288" s="117" t="s">
        <v>29</v>
      </c>
      <c r="K288" s="118" t="s">
        <v>408</v>
      </c>
      <c r="L288" s="73"/>
      <c r="M288" s="73"/>
      <c r="N288" s="73"/>
      <c r="O288" s="73"/>
      <c r="P288" s="22"/>
      <c r="Q288" s="22"/>
      <c r="R288" s="22"/>
    </row>
    <row r="289" spans="1:18" s="81" customFormat="1" ht="34.5" customHeight="1" x14ac:dyDescent="0.15">
      <c r="A289" s="185"/>
      <c r="B289" s="107"/>
      <c r="C289" s="311"/>
      <c r="D289" s="254"/>
      <c r="E289" s="315" t="s">
        <v>118</v>
      </c>
      <c r="F289" s="316"/>
      <c r="G289" s="316"/>
      <c r="H289" s="316"/>
      <c r="I289" s="308"/>
      <c r="J289" s="117" t="s">
        <v>29</v>
      </c>
      <c r="K289" s="118" t="s">
        <v>408</v>
      </c>
      <c r="L289" s="73"/>
      <c r="M289" s="73"/>
      <c r="N289" s="73"/>
      <c r="O289" s="73"/>
      <c r="P289" s="22"/>
      <c r="Q289" s="22"/>
      <c r="R289" s="22"/>
    </row>
    <row r="290" spans="1:18" s="81" customFormat="1" ht="34.5" customHeight="1" x14ac:dyDescent="0.15">
      <c r="A290" s="185"/>
      <c r="B290" s="107"/>
      <c r="C290" s="311"/>
      <c r="D290" s="257" t="s">
        <v>242</v>
      </c>
      <c r="E290" s="314"/>
      <c r="F290" s="314"/>
      <c r="G290" s="314"/>
      <c r="H290" s="314"/>
      <c r="I290" s="308"/>
      <c r="J290" s="117">
        <v>0</v>
      </c>
      <c r="K290" s="118" t="s">
        <v>408</v>
      </c>
      <c r="L290" s="73"/>
      <c r="M290" s="73"/>
      <c r="N290" s="73"/>
      <c r="O290" s="73"/>
      <c r="P290" s="22"/>
      <c r="Q290" s="22"/>
      <c r="R290" s="22"/>
    </row>
    <row r="291" spans="1:18" s="81" customFormat="1" ht="34.5" customHeight="1" x14ac:dyDescent="0.15">
      <c r="A291" s="185"/>
      <c r="B291" s="107"/>
      <c r="C291" s="311"/>
      <c r="D291" s="310" t="s">
        <v>260</v>
      </c>
      <c r="E291" s="312" t="s">
        <v>261</v>
      </c>
      <c r="F291" s="313"/>
      <c r="G291" s="313"/>
      <c r="H291" s="313"/>
      <c r="I291" s="308"/>
      <c r="J291" s="117" t="s">
        <v>29</v>
      </c>
      <c r="K291" s="118" t="s">
        <v>408</v>
      </c>
      <c r="L291" s="73"/>
      <c r="M291" s="73"/>
      <c r="N291" s="73"/>
      <c r="O291" s="73"/>
      <c r="P291" s="22"/>
      <c r="Q291" s="22"/>
      <c r="R291" s="22"/>
    </row>
    <row r="292" spans="1:18" s="81" customFormat="1" ht="34.5" customHeight="1" x14ac:dyDescent="0.15">
      <c r="A292" s="185"/>
      <c r="B292" s="107"/>
      <c r="C292" s="311"/>
      <c r="D292" s="311"/>
      <c r="E292" s="257" t="s">
        <v>263</v>
      </c>
      <c r="F292" s="314"/>
      <c r="G292" s="314"/>
      <c r="H292" s="314"/>
      <c r="I292" s="308"/>
      <c r="J292" s="117" t="s">
        <v>29</v>
      </c>
      <c r="K292" s="118" t="s">
        <v>408</v>
      </c>
      <c r="L292" s="73"/>
      <c r="M292" s="73"/>
      <c r="N292" s="73"/>
      <c r="O292" s="73"/>
      <c r="P292" s="22"/>
      <c r="Q292" s="22"/>
      <c r="R292" s="22"/>
    </row>
    <row r="293" spans="1:18" s="81" customFormat="1" ht="34.5" customHeight="1" x14ac:dyDescent="0.15">
      <c r="A293" s="185"/>
      <c r="B293" s="107"/>
      <c r="C293" s="311"/>
      <c r="D293" s="311"/>
      <c r="E293" s="257" t="s">
        <v>265</v>
      </c>
      <c r="F293" s="314"/>
      <c r="G293" s="314"/>
      <c r="H293" s="314"/>
      <c r="I293" s="308"/>
      <c r="J293" s="117" t="s">
        <v>29</v>
      </c>
      <c r="K293" s="118" t="s">
        <v>408</v>
      </c>
      <c r="L293" s="73"/>
      <c r="M293" s="73"/>
      <c r="N293" s="73"/>
      <c r="O293" s="73"/>
      <c r="P293" s="22"/>
      <c r="Q293" s="22"/>
      <c r="R293" s="22"/>
    </row>
    <row r="294" spans="1:18" s="81" customFormat="1" ht="34.5" customHeight="1" x14ac:dyDescent="0.15">
      <c r="A294" s="185"/>
      <c r="B294" s="107"/>
      <c r="C294" s="311"/>
      <c r="D294" s="311"/>
      <c r="E294" s="257" t="s">
        <v>267</v>
      </c>
      <c r="F294" s="314"/>
      <c r="G294" s="314"/>
      <c r="H294" s="314"/>
      <c r="I294" s="308"/>
      <c r="J294" s="117" t="s">
        <v>29</v>
      </c>
      <c r="K294" s="118" t="s">
        <v>408</v>
      </c>
      <c r="L294" s="73"/>
      <c r="M294" s="73"/>
      <c r="N294" s="73"/>
      <c r="O294" s="73"/>
      <c r="P294" s="22"/>
      <c r="Q294" s="22"/>
      <c r="R294" s="22"/>
    </row>
    <row r="295" spans="1:18" s="81" customFormat="1" ht="34.5" customHeight="1" x14ac:dyDescent="0.15">
      <c r="A295" s="185"/>
      <c r="B295" s="107"/>
      <c r="C295" s="311"/>
      <c r="D295" s="311"/>
      <c r="E295" s="257" t="s">
        <v>271</v>
      </c>
      <c r="F295" s="314"/>
      <c r="G295" s="314"/>
      <c r="H295" s="314"/>
      <c r="I295" s="308"/>
      <c r="J295" s="117" t="s">
        <v>29</v>
      </c>
      <c r="K295" s="118" t="s">
        <v>408</v>
      </c>
      <c r="L295" s="73"/>
      <c r="M295" s="73"/>
      <c r="N295" s="73"/>
      <c r="O295" s="73"/>
      <c r="P295" s="22"/>
      <c r="Q295" s="22"/>
      <c r="R295" s="22"/>
    </row>
    <row r="296" spans="1:18" s="81" customFormat="1" ht="34.5" customHeight="1" x14ac:dyDescent="0.15">
      <c r="A296" s="185"/>
      <c r="B296" s="107"/>
      <c r="C296" s="311"/>
      <c r="D296" s="311"/>
      <c r="E296" s="257" t="s">
        <v>273</v>
      </c>
      <c r="F296" s="314"/>
      <c r="G296" s="314"/>
      <c r="H296" s="314"/>
      <c r="I296" s="308"/>
      <c r="J296" s="117" t="s">
        <v>29</v>
      </c>
      <c r="K296" s="118" t="s">
        <v>408</v>
      </c>
      <c r="L296" s="73"/>
      <c r="M296" s="73"/>
      <c r="N296" s="73"/>
      <c r="O296" s="73"/>
      <c r="P296" s="22"/>
      <c r="Q296" s="22"/>
      <c r="R296" s="22"/>
    </row>
    <row r="297" spans="1:18" s="81" customFormat="1" ht="34.5" customHeight="1" x14ac:dyDescent="0.15">
      <c r="A297" s="185"/>
      <c r="B297" s="107"/>
      <c r="C297" s="311"/>
      <c r="D297" s="311"/>
      <c r="E297" s="257" t="s">
        <v>118</v>
      </c>
      <c r="F297" s="314"/>
      <c r="G297" s="314"/>
      <c r="H297" s="314"/>
      <c r="I297" s="309"/>
      <c r="J297" s="117" t="s">
        <v>29</v>
      </c>
      <c r="K297" s="118" t="s">
        <v>408</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275</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4</v>
      </c>
      <c r="K303" s="72"/>
      <c r="L303" s="93"/>
      <c r="M303" s="93"/>
      <c r="N303" s="93"/>
      <c r="O303" s="93"/>
      <c r="P303" s="22"/>
      <c r="Q303" s="22"/>
      <c r="R303" s="22"/>
    </row>
    <row r="304" spans="1:18" x14ac:dyDescent="0.15">
      <c r="A304" s="185"/>
      <c r="B304" s="1"/>
      <c r="C304" s="66"/>
      <c r="D304" s="3"/>
      <c r="F304" s="3"/>
      <c r="G304" s="3"/>
      <c r="H304" s="67"/>
      <c r="I304" s="74" t="s">
        <v>67</v>
      </c>
      <c r="J304" s="75"/>
      <c r="K304" s="76"/>
      <c r="L304" s="93"/>
      <c r="M304" s="93"/>
      <c r="N304" s="93"/>
      <c r="O304" s="93"/>
      <c r="P304" s="22"/>
      <c r="Q304" s="22"/>
      <c r="R304" s="22"/>
    </row>
    <row r="305" spans="1:18" s="81" customFormat="1" ht="34.5" customHeight="1" x14ac:dyDescent="0.15">
      <c r="A305" s="185"/>
      <c r="B305" s="107"/>
      <c r="C305" s="276" t="s">
        <v>691</v>
      </c>
      <c r="D305" s="281"/>
      <c r="E305" s="281"/>
      <c r="F305" s="281"/>
      <c r="G305" s="281"/>
      <c r="H305" s="286"/>
      <c r="I305" s="292" t="s">
        <v>692</v>
      </c>
      <c r="J305" s="117">
        <v>0</v>
      </c>
      <c r="K305" s="118" t="s">
        <v>408</v>
      </c>
      <c r="L305" s="93"/>
      <c r="M305" s="93"/>
      <c r="N305" s="93"/>
      <c r="O305" s="93"/>
      <c r="P305" s="22"/>
      <c r="Q305" s="22"/>
      <c r="R305" s="22"/>
    </row>
    <row r="306" spans="1:18" s="81" customFormat="1" ht="34.5" customHeight="1" x14ac:dyDescent="0.15">
      <c r="A306" s="185"/>
      <c r="B306" s="107"/>
      <c r="C306" s="162"/>
      <c r="D306" s="163"/>
      <c r="E306" s="317" t="s">
        <v>281</v>
      </c>
      <c r="F306" s="266"/>
      <c r="G306" s="266"/>
      <c r="H306" s="267"/>
      <c r="I306" s="302"/>
      <c r="J306" s="117" t="s">
        <v>29</v>
      </c>
      <c r="K306" s="118" t="s">
        <v>408</v>
      </c>
      <c r="L306" s="93"/>
      <c r="M306" s="93"/>
      <c r="N306" s="93"/>
      <c r="O306" s="93"/>
      <c r="P306" s="22"/>
      <c r="Q306" s="22"/>
      <c r="R306" s="22"/>
    </row>
    <row r="307" spans="1:18" s="81" customFormat="1" ht="34.5" customHeight="1" x14ac:dyDescent="0.15">
      <c r="A307" s="185"/>
      <c r="B307" s="107"/>
      <c r="C307" s="162"/>
      <c r="D307" s="163"/>
      <c r="E307" s="317" t="s">
        <v>283</v>
      </c>
      <c r="F307" s="266"/>
      <c r="G307" s="266"/>
      <c r="H307" s="267"/>
      <c r="I307" s="302"/>
      <c r="J307" s="117" t="s">
        <v>29</v>
      </c>
      <c r="K307" s="118" t="s">
        <v>408</v>
      </c>
      <c r="L307" s="93"/>
      <c r="M307" s="93"/>
      <c r="N307" s="93"/>
      <c r="O307" s="93"/>
      <c r="P307" s="22"/>
      <c r="Q307" s="22"/>
      <c r="R307" s="22"/>
    </row>
    <row r="308" spans="1:18" s="81" customFormat="1" ht="34.5" customHeight="1" x14ac:dyDescent="0.15">
      <c r="A308" s="185"/>
      <c r="B308" s="107"/>
      <c r="C308" s="162"/>
      <c r="D308" s="163"/>
      <c r="E308" s="317" t="s">
        <v>693</v>
      </c>
      <c r="F308" s="266"/>
      <c r="G308" s="266"/>
      <c r="H308" s="267"/>
      <c r="I308" s="302"/>
      <c r="J308" s="117" t="s">
        <v>29</v>
      </c>
      <c r="K308" s="118" t="s">
        <v>408</v>
      </c>
      <c r="L308" s="93"/>
      <c r="M308" s="93"/>
      <c r="N308" s="93"/>
      <c r="O308" s="93"/>
      <c r="P308" s="22"/>
      <c r="Q308" s="22"/>
      <c r="R308" s="22"/>
    </row>
    <row r="309" spans="1:18" s="81" customFormat="1" ht="34.5" customHeight="1" x14ac:dyDescent="0.15">
      <c r="A309" s="185"/>
      <c r="B309" s="1"/>
      <c r="C309" s="164"/>
      <c r="D309" s="165"/>
      <c r="E309" s="317" t="s">
        <v>285</v>
      </c>
      <c r="F309" s="266"/>
      <c r="G309" s="266"/>
      <c r="H309" s="267"/>
      <c r="I309" s="293"/>
      <c r="J309" s="117" t="s">
        <v>29</v>
      </c>
      <c r="K309" s="118" t="s">
        <v>408</v>
      </c>
      <c r="L309" s="93"/>
      <c r="M309" s="93"/>
      <c r="N309" s="93"/>
      <c r="O309" s="93"/>
      <c r="P309" s="22"/>
      <c r="Q309" s="22"/>
      <c r="R309" s="22"/>
    </row>
    <row r="310" spans="1:18" s="81" customFormat="1" ht="34.5" customHeight="1" x14ac:dyDescent="0.15">
      <c r="A310" s="185"/>
      <c r="B310" s="107"/>
      <c r="C310" s="276" t="s">
        <v>242</v>
      </c>
      <c r="D310" s="281"/>
      <c r="E310" s="281"/>
      <c r="F310" s="281"/>
      <c r="G310" s="281"/>
      <c r="H310" s="286"/>
      <c r="I310" s="292" t="s">
        <v>694</v>
      </c>
      <c r="J310" s="117">
        <v>0</v>
      </c>
      <c r="K310" s="118" t="s">
        <v>408</v>
      </c>
      <c r="L310" s="93"/>
      <c r="M310" s="93"/>
      <c r="N310" s="93"/>
      <c r="O310" s="93"/>
      <c r="P310" s="22"/>
      <c r="Q310" s="22"/>
      <c r="R310" s="22"/>
    </row>
    <row r="311" spans="1:18" s="81" customFormat="1" ht="34.5" customHeight="1" x14ac:dyDescent="0.15">
      <c r="A311" s="185"/>
      <c r="B311" s="107"/>
      <c r="C311" s="162"/>
      <c r="D311" s="163"/>
      <c r="E311" s="317" t="s">
        <v>281</v>
      </c>
      <c r="F311" s="361"/>
      <c r="G311" s="361"/>
      <c r="H311" s="362"/>
      <c r="I311" s="308"/>
      <c r="J311" s="117" t="s">
        <v>29</v>
      </c>
      <c r="K311" s="118" t="s">
        <v>408</v>
      </c>
      <c r="L311" s="93"/>
      <c r="M311" s="93"/>
      <c r="N311" s="93"/>
      <c r="O311" s="93"/>
      <c r="P311" s="22"/>
      <c r="Q311" s="22"/>
      <c r="R311" s="22"/>
    </row>
    <row r="312" spans="1:18" s="81" customFormat="1" ht="34.5" customHeight="1" x14ac:dyDescent="0.15">
      <c r="A312" s="185"/>
      <c r="B312" s="107"/>
      <c r="C312" s="162"/>
      <c r="D312" s="163"/>
      <c r="E312" s="317" t="s">
        <v>283</v>
      </c>
      <c r="F312" s="361"/>
      <c r="G312" s="361"/>
      <c r="H312" s="362"/>
      <c r="I312" s="308"/>
      <c r="J312" s="117" t="s">
        <v>29</v>
      </c>
      <c r="K312" s="118" t="s">
        <v>408</v>
      </c>
      <c r="L312" s="93"/>
      <c r="M312" s="93"/>
      <c r="N312" s="93"/>
      <c r="O312" s="93"/>
      <c r="P312" s="22"/>
      <c r="Q312" s="22"/>
      <c r="R312" s="22"/>
    </row>
    <row r="313" spans="1:18" s="81" customFormat="1" ht="34.5" customHeight="1" x14ac:dyDescent="0.15">
      <c r="A313" s="185"/>
      <c r="B313" s="107"/>
      <c r="C313" s="162"/>
      <c r="D313" s="163"/>
      <c r="E313" s="317" t="s">
        <v>693</v>
      </c>
      <c r="F313" s="361"/>
      <c r="G313" s="361"/>
      <c r="H313" s="362"/>
      <c r="I313" s="308"/>
      <c r="J313" s="117" t="s">
        <v>29</v>
      </c>
      <c r="K313" s="118" t="s">
        <v>408</v>
      </c>
      <c r="L313" s="93"/>
      <c r="M313" s="93"/>
      <c r="N313" s="93"/>
      <c r="O313" s="93"/>
      <c r="P313" s="22"/>
      <c r="Q313" s="22"/>
      <c r="R313" s="22"/>
    </row>
    <row r="314" spans="1:18" s="81" customFormat="1" ht="34.5" customHeight="1" x14ac:dyDescent="0.15">
      <c r="A314" s="185"/>
      <c r="B314" s="1"/>
      <c r="C314" s="164"/>
      <c r="D314" s="165"/>
      <c r="E314" s="317" t="s">
        <v>285</v>
      </c>
      <c r="F314" s="361"/>
      <c r="G314" s="361"/>
      <c r="H314" s="362"/>
      <c r="I314" s="309"/>
      <c r="J314" s="117" t="s">
        <v>29</v>
      </c>
      <c r="K314" s="118" t="s">
        <v>408</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286</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4</v>
      </c>
      <c r="K320" s="72"/>
      <c r="L320" s="93"/>
      <c r="M320" s="93"/>
      <c r="N320" s="93"/>
      <c r="O320" s="93"/>
      <c r="P320" s="22"/>
      <c r="Q320" s="22"/>
      <c r="R320" s="22"/>
    </row>
    <row r="321" spans="1:18" s="84" customFormat="1" x14ac:dyDescent="0.15">
      <c r="A321" s="185"/>
      <c r="B321" s="1"/>
      <c r="C321" s="3"/>
      <c r="D321" s="3"/>
      <c r="E321" s="3"/>
      <c r="F321" s="3"/>
      <c r="G321" s="3"/>
      <c r="H321" s="67"/>
      <c r="I321" s="74" t="s">
        <v>67</v>
      </c>
      <c r="J321" s="75"/>
      <c r="K321" s="76"/>
      <c r="L321" s="93"/>
      <c r="M321" s="93"/>
      <c r="N321" s="93"/>
      <c r="O321" s="93"/>
      <c r="P321" s="22"/>
      <c r="Q321" s="22"/>
      <c r="R321" s="22"/>
    </row>
    <row r="322" spans="1:18" s="84" customFormat="1" ht="34.5" customHeight="1" x14ac:dyDescent="0.15">
      <c r="A322" s="185"/>
      <c r="B322" s="1"/>
      <c r="C322" s="300" t="s">
        <v>695</v>
      </c>
      <c r="D322" s="300"/>
      <c r="E322" s="300"/>
      <c r="F322" s="300"/>
      <c r="G322" s="300"/>
      <c r="H322" s="300"/>
      <c r="I322" s="292" t="s">
        <v>289</v>
      </c>
      <c r="J322" s="117">
        <v>0</v>
      </c>
      <c r="K322" s="118" t="s">
        <v>408</v>
      </c>
      <c r="L322" s="93"/>
      <c r="M322" s="93"/>
      <c r="N322" s="93"/>
      <c r="O322" s="93"/>
      <c r="P322" s="22"/>
      <c r="Q322" s="22"/>
      <c r="R322" s="22"/>
    </row>
    <row r="323" spans="1:18" s="84" customFormat="1" ht="34.5" customHeight="1" x14ac:dyDescent="0.15">
      <c r="A323" s="185"/>
      <c r="B323" s="1"/>
      <c r="C323" s="300" t="s">
        <v>696</v>
      </c>
      <c r="D323" s="258"/>
      <c r="E323" s="258"/>
      <c r="F323" s="258"/>
      <c r="G323" s="258"/>
      <c r="H323" s="258"/>
      <c r="I323" s="253"/>
      <c r="J323" s="117">
        <v>0</v>
      </c>
      <c r="K323" s="118" t="s">
        <v>408</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292</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4</v>
      </c>
      <c r="K329" s="72"/>
      <c r="L329" s="93"/>
      <c r="M329" s="93"/>
      <c r="N329" s="93"/>
      <c r="O329" s="93"/>
      <c r="P329" s="22"/>
      <c r="Q329" s="22"/>
      <c r="R329" s="22"/>
    </row>
    <row r="330" spans="1:18" x14ac:dyDescent="0.15">
      <c r="A330" s="185"/>
      <c r="B330" s="1"/>
      <c r="C330" s="3"/>
      <c r="D330" s="3"/>
      <c r="F330" s="3"/>
      <c r="G330" s="3"/>
      <c r="H330" s="67"/>
      <c r="I330" s="74" t="s">
        <v>67</v>
      </c>
      <c r="J330" s="75"/>
      <c r="K330" s="76"/>
      <c r="L330" s="93"/>
      <c r="M330" s="93"/>
      <c r="N330" s="93"/>
      <c r="O330" s="93"/>
      <c r="P330" s="22"/>
      <c r="Q330" s="22"/>
      <c r="R330" s="22"/>
    </row>
    <row r="331" spans="1:18" s="81" customFormat="1" ht="34.5" customHeight="1" x14ac:dyDescent="0.15">
      <c r="A331" s="185"/>
      <c r="B331" s="107"/>
      <c r="C331" s="301" t="s">
        <v>294</v>
      </c>
      <c r="D331" s="277"/>
      <c r="E331" s="277"/>
      <c r="F331" s="277"/>
      <c r="G331" s="277"/>
      <c r="H331" s="278"/>
      <c r="I331" s="292" t="s">
        <v>697</v>
      </c>
      <c r="J331" s="117">
        <v>0</v>
      </c>
      <c r="K331" s="118" t="s">
        <v>408</v>
      </c>
      <c r="L331" s="93"/>
      <c r="M331" s="93"/>
      <c r="N331" s="93"/>
      <c r="O331" s="93"/>
      <c r="P331" s="22"/>
      <c r="Q331" s="22"/>
      <c r="R331" s="22"/>
    </row>
    <row r="332" spans="1:18" s="81" customFormat="1" ht="34.5" customHeight="1" x14ac:dyDescent="0.15">
      <c r="A332" s="185"/>
      <c r="B332" s="107"/>
      <c r="C332" s="162"/>
      <c r="D332" s="168"/>
      <c r="E332" s="259" t="s">
        <v>297</v>
      </c>
      <c r="F332" s="260"/>
      <c r="G332" s="260"/>
      <c r="H332" s="261"/>
      <c r="I332" s="302"/>
      <c r="J332" s="117" t="s">
        <v>29</v>
      </c>
      <c r="K332" s="118" t="s">
        <v>408</v>
      </c>
      <c r="L332" s="93"/>
      <c r="M332" s="93"/>
      <c r="N332" s="93"/>
      <c r="O332" s="93"/>
      <c r="P332" s="22"/>
      <c r="Q332" s="22"/>
      <c r="R332" s="22"/>
    </row>
    <row r="333" spans="1:18" s="81" customFormat="1" ht="34.5" customHeight="1" x14ac:dyDescent="0.15">
      <c r="A333" s="185"/>
      <c r="B333" s="107"/>
      <c r="C333" s="164"/>
      <c r="D333" s="169"/>
      <c r="E333" s="259" t="s">
        <v>299</v>
      </c>
      <c r="F333" s="266"/>
      <c r="G333" s="266"/>
      <c r="H333" s="267"/>
      <c r="I333" s="302"/>
      <c r="J333" s="117" t="s">
        <v>29</v>
      </c>
      <c r="K333" s="118" t="s">
        <v>408</v>
      </c>
      <c r="L333" s="93"/>
      <c r="M333" s="93"/>
      <c r="N333" s="93"/>
      <c r="O333" s="93"/>
      <c r="P333" s="22"/>
      <c r="Q333" s="22"/>
      <c r="R333" s="22"/>
    </row>
    <row r="334" spans="1:18" s="81" customFormat="1" ht="34.5" customHeight="1" x14ac:dyDescent="0.15">
      <c r="A334" s="185"/>
      <c r="B334" s="107"/>
      <c r="C334" s="303" t="s">
        <v>301</v>
      </c>
      <c r="D334" s="304"/>
      <c r="E334" s="304"/>
      <c r="F334" s="304"/>
      <c r="G334" s="304"/>
      <c r="H334" s="305"/>
      <c r="I334" s="302"/>
      <c r="J334" s="170">
        <v>0</v>
      </c>
      <c r="K334" s="118" t="s">
        <v>408</v>
      </c>
      <c r="L334" s="93"/>
      <c r="M334" s="93"/>
      <c r="N334" s="93"/>
      <c r="O334" s="93"/>
      <c r="P334" s="22"/>
      <c r="Q334" s="22"/>
      <c r="R334" s="22"/>
    </row>
    <row r="335" spans="1:18" s="81" customFormat="1" ht="34.5" customHeight="1" x14ac:dyDescent="0.15">
      <c r="A335" s="185"/>
      <c r="B335" s="107"/>
      <c r="C335" s="162"/>
      <c r="D335" s="168"/>
      <c r="E335" s="259" t="s">
        <v>303</v>
      </c>
      <c r="F335" s="260"/>
      <c r="G335" s="260"/>
      <c r="H335" s="261"/>
      <c r="I335" s="302"/>
      <c r="J335" s="117" t="s">
        <v>29</v>
      </c>
      <c r="K335" s="118" t="s">
        <v>408</v>
      </c>
      <c r="L335" s="93"/>
      <c r="M335" s="93"/>
      <c r="N335" s="93"/>
      <c r="O335" s="93"/>
      <c r="P335" s="22"/>
      <c r="Q335" s="22"/>
      <c r="R335" s="22"/>
    </row>
    <row r="336" spans="1:18" s="81" customFormat="1" ht="34.5" customHeight="1" x14ac:dyDescent="0.15">
      <c r="A336" s="185"/>
      <c r="B336" s="107"/>
      <c r="C336" s="164"/>
      <c r="D336" s="169"/>
      <c r="E336" s="259" t="s">
        <v>305</v>
      </c>
      <c r="F336" s="266"/>
      <c r="G336" s="266"/>
      <c r="H336" s="267"/>
      <c r="I336" s="293"/>
      <c r="J336" s="117" t="s">
        <v>29</v>
      </c>
      <c r="K336" s="118" t="s">
        <v>408</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682</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6"/>
      <c r="M341" s="306"/>
      <c r="N341" s="306"/>
      <c r="O341" s="306"/>
      <c r="P341" s="306"/>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6"/>
      <c r="M342" s="306"/>
      <c r="N342" s="306"/>
      <c r="O342" s="306"/>
      <c r="P342" s="306"/>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6"/>
      <c r="M343" s="306"/>
      <c r="N343" s="306"/>
      <c r="O343" s="306"/>
      <c r="P343" s="306"/>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6"/>
      <c r="M344" s="306"/>
      <c r="N344" s="306"/>
      <c r="O344" s="306"/>
      <c r="P344" s="306"/>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6"/>
      <c r="M345" s="306"/>
      <c r="N345" s="306"/>
      <c r="O345" s="306"/>
      <c r="P345" s="306"/>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6"/>
      <c r="M346" s="306"/>
      <c r="N346" s="306"/>
      <c r="O346" s="306"/>
      <c r="P346" s="306"/>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306</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312</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4</v>
      </c>
      <c r="K353" s="72"/>
      <c r="L353" s="93"/>
      <c r="M353" s="93"/>
      <c r="N353" s="93"/>
      <c r="O353" s="93"/>
      <c r="P353" s="22"/>
      <c r="Q353" s="22"/>
      <c r="R353" s="22"/>
    </row>
    <row r="354" spans="1:18" x14ac:dyDescent="0.15">
      <c r="A354" s="185"/>
      <c r="B354" s="1"/>
      <c r="C354" s="66"/>
      <c r="D354" s="3"/>
      <c r="F354" s="3"/>
      <c r="G354" s="3"/>
      <c r="H354" s="67"/>
      <c r="I354" s="74" t="s">
        <v>67</v>
      </c>
      <c r="J354" s="75"/>
      <c r="K354" s="76"/>
      <c r="L354" s="93"/>
      <c r="M354" s="93"/>
      <c r="N354" s="93"/>
      <c r="O354" s="93"/>
      <c r="P354" s="22"/>
      <c r="Q354" s="22"/>
      <c r="R354" s="22"/>
    </row>
    <row r="355" spans="1:18" ht="34.5" customHeight="1" x14ac:dyDescent="0.15">
      <c r="A355" s="185"/>
      <c r="B355" s="1"/>
      <c r="C355" s="276" t="s">
        <v>314</v>
      </c>
      <c r="D355" s="277"/>
      <c r="E355" s="277"/>
      <c r="F355" s="277"/>
      <c r="G355" s="277"/>
      <c r="H355" s="278"/>
      <c r="I355" s="251" t="s">
        <v>315</v>
      </c>
      <c r="J355" s="105">
        <v>0</v>
      </c>
      <c r="K355" s="118" t="s">
        <v>408</v>
      </c>
      <c r="L355" s="93"/>
      <c r="M355" s="93"/>
      <c r="N355" s="93"/>
      <c r="O355" s="93"/>
      <c r="P355" s="22"/>
      <c r="Q355" s="22"/>
      <c r="R355" s="22"/>
    </row>
    <row r="356" spans="1:18" ht="34.5" customHeight="1" x14ac:dyDescent="0.15">
      <c r="A356" s="185"/>
      <c r="B356" s="1"/>
      <c r="C356" s="174"/>
      <c r="D356" s="254" t="s">
        <v>317</v>
      </c>
      <c r="E356" s="257" t="s">
        <v>318</v>
      </c>
      <c r="F356" s="257"/>
      <c r="G356" s="257"/>
      <c r="H356" s="257"/>
      <c r="I356" s="252"/>
      <c r="J356" s="105">
        <v>0</v>
      </c>
      <c r="K356" s="118" t="s">
        <v>408</v>
      </c>
      <c r="L356" s="93"/>
      <c r="M356" s="93"/>
      <c r="N356" s="93"/>
      <c r="O356" s="93"/>
      <c r="P356" s="22"/>
      <c r="Q356" s="22"/>
      <c r="R356" s="22"/>
    </row>
    <row r="357" spans="1:18" ht="34.5" customHeight="1" x14ac:dyDescent="0.15">
      <c r="A357" s="185"/>
      <c r="B357" s="1"/>
      <c r="C357" s="174"/>
      <c r="D357" s="255"/>
      <c r="E357" s="257" t="s">
        <v>320</v>
      </c>
      <c r="F357" s="258"/>
      <c r="G357" s="258"/>
      <c r="H357" s="258"/>
      <c r="I357" s="252"/>
      <c r="J357" s="105">
        <v>0</v>
      </c>
      <c r="K357" s="118" t="s">
        <v>408</v>
      </c>
      <c r="L357" s="93"/>
      <c r="M357" s="93"/>
      <c r="N357" s="93"/>
      <c r="O357" s="93"/>
      <c r="P357" s="22"/>
      <c r="Q357" s="22"/>
      <c r="R357" s="22"/>
    </row>
    <row r="358" spans="1:18" ht="34.5" customHeight="1" x14ac:dyDescent="0.15">
      <c r="A358" s="185"/>
      <c r="B358" s="1"/>
      <c r="C358" s="174"/>
      <c r="D358" s="255"/>
      <c r="E358" s="257" t="s">
        <v>322</v>
      </c>
      <c r="F358" s="258"/>
      <c r="G358" s="258"/>
      <c r="H358" s="258"/>
      <c r="I358" s="252"/>
      <c r="J358" s="105">
        <v>0</v>
      </c>
      <c r="K358" s="118" t="s">
        <v>408</v>
      </c>
      <c r="L358" s="93"/>
      <c r="M358" s="93"/>
      <c r="N358" s="93"/>
      <c r="O358" s="93"/>
      <c r="P358" s="22"/>
      <c r="Q358" s="22"/>
      <c r="R358" s="22"/>
    </row>
    <row r="359" spans="1:18" ht="34.5" customHeight="1" x14ac:dyDescent="0.15">
      <c r="A359" s="185"/>
      <c r="B359" s="1"/>
      <c r="C359" s="174"/>
      <c r="D359" s="255"/>
      <c r="E359" s="257" t="s">
        <v>324</v>
      </c>
      <c r="F359" s="258"/>
      <c r="G359" s="258"/>
      <c r="H359" s="258"/>
      <c r="I359" s="252"/>
      <c r="J359" s="105">
        <v>0</v>
      </c>
      <c r="K359" s="118" t="s">
        <v>408</v>
      </c>
      <c r="L359" s="93"/>
      <c r="M359" s="93"/>
      <c r="N359" s="93"/>
      <c r="O359" s="93"/>
      <c r="P359" s="22"/>
      <c r="Q359" s="22"/>
      <c r="R359" s="22"/>
    </row>
    <row r="360" spans="1:18" ht="34.5" customHeight="1" x14ac:dyDescent="0.15">
      <c r="A360" s="185"/>
      <c r="B360" s="1"/>
      <c r="C360" s="174"/>
      <c r="D360" s="255"/>
      <c r="E360" s="257" t="s">
        <v>326</v>
      </c>
      <c r="F360" s="258"/>
      <c r="G360" s="258"/>
      <c r="H360" s="258"/>
      <c r="I360" s="252"/>
      <c r="J360" s="105">
        <v>0</v>
      </c>
      <c r="K360" s="118" t="s">
        <v>408</v>
      </c>
      <c r="L360" s="93"/>
      <c r="M360" s="93"/>
      <c r="N360" s="93"/>
      <c r="O360" s="93"/>
      <c r="P360" s="22"/>
      <c r="Q360" s="22"/>
      <c r="R360" s="22"/>
    </row>
    <row r="361" spans="1:18" ht="34.5" customHeight="1" x14ac:dyDescent="0.15">
      <c r="A361" s="185"/>
      <c r="B361" s="1"/>
      <c r="C361" s="174"/>
      <c r="D361" s="255"/>
      <c r="E361" s="257" t="s">
        <v>328</v>
      </c>
      <c r="F361" s="258"/>
      <c r="G361" s="258"/>
      <c r="H361" s="258"/>
      <c r="I361" s="252"/>
      <c r="J361" s="105">
        <v>0</v>
      </c>
      <c r="K361" s="118" t="s">
        <v>408</v>
      </c>
      <c r="L361" s="93"/>
      <c r="M361" s="93"/>
      <c r="N361" s="93"/>
      <c r="O361" s="93"/>
      <c r="P361" s="22"/>
      <c r="Q361" s="22"/>
      <c r="R361" s="22"/>
    </row>
    <row r="362" spans="1:18" ht="34.5" customHeight="1" x14ac:dyDescent="0.15">
      <c r="A362" s="185"/>
      <c r="B362" s="1"/>
      <c r="C362" s="174"/>
      <c r="D362" s="255"/>
      <c r="E362" s="257" t="s">
        <v>330</v>
      </c>
      <c r="F362" s="258"/>
      <c r="G362" s="258"/>
      <c r="H362" s="258"/>
      <c r="I362" s="252"/>
      <c r="J362" s="105">
        <v>0</v>
      </c>
      <c r="K362" s="118" t="s">
        <v>408</v>
      </c>
      <c r="L362" s="93"/>
      <c r="M362" s="93"/>
      <c r="N362" s="93"/>
      <c r="O362" s="93"/>
      <c r="P362" s="22"/>
      <c r="Q362" s="22"/>
      <c r="R362" s="22"/>
    </row>
    <row r="363" spans="1:18" ht="34.5" customHeight="1" x14ac:dyDescent="0.15">
      <c r="A363" s="185"/>
      <c r="B363" s="1"/>
      <c r="C363" s="174"/>
      <c r="D363" s="255"/>
      <c r="E363" s="257" t="s">
        <v>332</v>
      </c>
      <c r="F363" s="258"/>
      <c r="G363" s="258"/>
      <c r="H363" s="258"/>
      <c r="I363" s="252"/>
      <c r="J363" s="105">
        <v>0</v>
      </c>
      <c r="K363" s="118" t="s">
        <v>408</v>
      </c>
      <c r="L363" s="93"/>
      <c r="M363" s="93"/>
      <c r="N363" s="93"/>
      <c r="O363" s="93"/>
      <c r="P363" s="22"/>
      <c r="Q363" s="22"/>
      <c r="R363" s="22"/>
    </row>
    <row r="364" spans="1:18" ht="34.5" customHeight="1" x14ac:dyDescent="0.15">
      <c r="A364" s="185"/>
      <c r="B364" s="1"/>
      <c r="C364" s="174"/>
      <c r="D364" s="255"/>
      <c r="E364" s="257" t="s">
        <v>334</v>
      </c>
      <c r="F364" s="258"/>
      <c r="G364" s="258"/>
      <c r="H364" s="258"/>
      <c r="I364" s="252"/>
      <c r="J364" s="105">
        <v>0</v>
      </c>
      <c r="K364" s="118" t="s">
        <v>408</v>
      </c>
      <c r="L364" s="93"/>
      <c r="M364" s="93"/>
      <c r="N364" s="93"/>
      <c r="O364" s="93"/>
      <c r="P364" s="22"/>
      <c r="Q364" s="22"/>
      <c r="R364" s="22"/>
    </row>
    <row r="365" spans="1:18" ht="34.5" customHeight="1" x14ac:dyDescent="0.15">
      <c r="A365" s="185"/>
      <c r="B365" s="1"/>
      <c r="C365" s="174"/>
      <c r="D365" s="255"/>
      <c r="E365" s="257" t="s">
        <v>336</v>
      </c>
      <c r="F365" s="258"/>
      <c r="G365" s="258"/>
      <c r="H365" s="258"/>
      <c r="I365" s="252"/>
      <c r="J365" s="105">
        <v>0</v>
      </c>
      <c r="K365" s="118" t="s">
        <v>408</v>
      </c>
      <c r="L365" s="93"/>
      <c r="M365" s="93"/>
      <c r="N365" s="93"/>
      <c r="O365" s="93"/>
      <c r="P365" s="22"/>
      <c r="Q365" s="22"/>
      <c r="R365" s="22"/>
    </row>
    <row r="366" spans="1:18" ht="34.5" customHeight="1" x14ac:dyDescent="0.15">
      <c r="A366" s="185"/>
      <c r="B366" s="1"/>
      <c r="C366" s="174"/>
      <c r="D366" s="255"/>
      <c r="E366" s="257" t="s">
        <v>338</v>
      </c>
      <c r="F366" s="258"/>
      <c r="G366" s="258"/>
      <c r="H366" s="258"/>
      <c r="I366" s="252"/>
      <c r="J366" s="105">
        <v>0</v>
      </c>
      <c r="K366" s="118" t="s">
        <v>408</v>
      </c>
      <c r="L366" s="93"/>
      <c r="M366" s="93"/>
      <c r="N366" s="93"/>
      <c r="O366" s="93"/>
      <c r="P366" s="22"/>
      <c r="Q366" s="22"/>
      <c r="R366" s="22"/>
    </row>
    <row r="367" spans="1:18" ht="34.5" customHeight="1" x14ac:dyDescent="0.15">
      <c r="A367" s="185"/>
      <c r="B367" s="1"/>
      <c r="C367" s="174"/>
      <c r="D367" s="256"/>
      <c r="E367" s="257" t="s">
        <v>340</v>
      </c>
      <c r="F367" s="258"/>
      <c r="G367" s="258"/>
      <c r="H367" s="258"/>
      <c r="I367" s="253"/>
      <c r="J367" s="105">
        <v>0</v>
      </c>
      <c r="K367" s="118" t="s">
        <v>408</v>
      </c>
      <c r="L367" s="93"/>
      <c r="M367" s="93"/>
      <c r="N367" s="93"/>
      <c r="O367" s="93"/>
      <c r="P367" s="22"/>
      <c r="Q367" s="22"/>
      <c r="R367" s="22"/>
    </row>
    <row r="368" spans="1:18" ht="34.5" customHeight="1" x14ac:dyDescent="0.15">
      <c r="A368" s="185"/>
      <c r="B368" s="130"/>
      <c r="C368" s="276" t="s">
        <v>342</v>
      </c>
      <c r="D368" s="277"/>
      <c r="E368" s="277"/>
      <c r="F368" s="277"/>
      <c r="G368" s="277"/>
      <c r="H368" s="278"/>
      <c r="I368" s="251" t="s">
        <v>343</v>
      </c>
      <c r="J368" s="105">
        <v>0</v>
      </c>
      <c r="K368" s="118" t="s">
        <v>408</v>
      </c>
      <c r="L368" s="93"/>
      <c r="M368" s="93"/>
      <c r="N368" s="93"/>
      <c r="O368" s="93"/>
      <c r="P368" s="22"/>
      <c r="Q368" s="22"/>
      <c r="R368" s="22"/>
    </row>
    <row r="369" spans="1:18" ht="34.5" customHeight="1" x14ac:dyDescent="0.15">
      <c r="A369" s="185"/>
      <c r="B369" s="1"/>
      <c r="C369" s="174"/>
      <c r="D369" s="254" t="s">
        <v>317</v>
      </c>
      <c r="E369" s="257" t="s">
        <v>318</v>
      </c>
      <c r="F369" s="258"/>
      <c r="G369" s="258"/>
      <c r="H369" s="258"/>
      <c r="I369" s="252"/>
      <c r="J369" s="105">
        <v>0</v>
      </c>
      <c r="K369" s="118" t="s">
        <v>408</v>
      </c>
      <c r="L369" s="93"/>
      <c r="M369" s="93"/>
      <c r="N369" s="93"/>
      <c r="O369" s="93"/>
      <c r="P369" s="22"/>
      <c r="Q369" s="22"/>
      <c r="R369" s="22"/>
    </row>
    <row r="370" spans="1:18" ht="34.5" customHeight="1" x14ac:dyDescent="0.15">
      <c r="A370" s="185"/>
      <c r="B370" s="1"/>
      <c r="C370" s="174"/>
      <c r="D370" s="255"/>
      <c r="E370" s="257" t="s">
        <v>320</v>
      </c>
      <c r="F370" s="258"/>
      <c r="G370" s="258"/>
      <c r="H370" s="258"/>
      <c r="I370" s="252"/>
      <c r="J370" s="105">
        <v>0</v>
      </c>
      <c r="K370" s="118" t="s">
        <v>408</v>
      </c>
      <c r="L370" s="93"/>
      <c r="M370" s="93"/>
      <c r="N370" s="93"/>
      <c r="O370" s="93"/>
      <c r="P370" s="22"/>
      <c r="Q370" s="22"/>
      <c r="R370" s="22"/>
    </row>
    <row r="371" spans="1:18" ht="34.5" customHeight="1" x14ac:dyDescent="0.15">
      <c r="A371" s="185"/>
      <c r="B371" s="1"/>
      <c r="C371" s="174"/>
      <c r="D371" s="255"/>
      <c r="E371" s="257" t="s">
        <v>322</v>
      </c>
      <c r="F371" s="258"/>
      <c r="G371" s="258"/>
      <c r="H371" s="258"/>
      <c r="I371" s="252"/>
      <c r="J371" s="105">
        <v>0</v>
      </c>
      <c r="K371" s="118" t="s">
        <v>408</v>
      </c>
      <c r="L371" s="93"/>
      <c r="M371" s="93"/>
      <c r="N371" s="93"/>
      <c r="O371" s="93"/>
      <c r="P371" s="22"/>
      <c r="Q371" s="22"/>
      <c r="R371" s="22"/>
    </row>
    <row r="372" spans="1:18" ht="34.5" customHeight="1" x14ac:dyDescent="0.15">
      <c r="A372" s="185"/>
      <c r="B372" s="1"/>
      <c r="C372" s="174"/>
      <c r="D372" s="255"/>
      <c r="E372" s="257" t="s">
        <v>324</v>
      </c>
      <c r="F372" s="258"/>
      <c r="G372" s="258"/>
      <c r="H372" s="258"/>
      <c r="I372" s="252"/>
      <c r="J372" s="105">
        <v>0</v>
      </c>
      <c r="K372" s="118" t="s">
        <v>408</v>
      </c>
      <c r="L372" s="93"/>
      <c r="M372" s="93"/>
      <c r="N372" s="93"/>
      <c r="O372" s="93"/>
      <c r="P372" s="22"/>
      <c r="Q372" s="22"/>
      <c r="R372" s="22"/>
    </row>
    <row r="373" spans="1:18" ht="34.5" customHeight="1" x14ac:dyDescent="0.15">
      <c r="A373" s="185"/>
      <c r="B373" s="1"/>
      <c r="C373" s="174"/>
      <c r="D373" s="255"/>
      <c r="E373" s="257" t="s">
        <v>326</v>
      </c>
      <c r="F373" s="258"/>
      <c r="G373" s="258"/>
      <c r="H373" s="258"/>
      <c r="I373" s="252"/>
      <c r="J373" s="105">
        <v>0</v>
      </c>
      <c r="K373" s="118" t="s">
        <v>408</v>
      </c>
      <c r="L373" s="93"/>
      <c r="M373" s="93"/>
      <c r="N373" s="93"/>
      <c r="O373" s="93"/>
      <c r="P373" s="22"/>
      <c r="Q373" s="22"/>
      <c r="R373" s="22"/>
    </row>
    <row r="374" spans="1:18" ht="34.5" customHeight="1" x14ac:dyDescent="0.15">
      <c r="A374" s="185"/>
      <c r="B374" s="1"/>
      <c r="C374" s="174"/>
      <c r="D374" s="255"/>
      <c r="E374" s="257" t="s">
        <v>328</v>
      </c>
      <c r="F374" s="258"/>
      <c r="G374" s="258"/>
      <c r="H374" s="258"/>
      <c r="I374" s="252"/>
      <c r="J374" s="105">
        <v>0</v>
      </c>
      <c r="K374" s="118" t="s">
        <v>408</v>
      </c>
      <c r="L374" s="93"/>
      <c r="M374" s="93"/>
      <c r="N374" s="93"/>
      <c r="O374" s="93"/>
      <c r="P374" s="22"/>
      <c r="Q374" s="22"/>
      <c r="R374" s="22"/>
    </row>
    <row r="375" spans="1:18" ht="34.5" customHeight="1" x14ac:dyDescent="0.15">
      <c r="A375" s="185"/>
      <c r="B375" s="1"/>
      <c r="C375" s="174"/>
      <c r="D375" s="255"/>
      <c r="E375" s="257" t="s">
        <v>330</v>
      </c>
      <c r="F375" s="258"/>
      <c r="G375" s="258"/>
      <c r="H375" s="258"/>
      <c r="I375" s="252"/>
      <c r="J375" s="105">
        <v>0</v>
      </c>
      <c r="K375" s="118" t="s">
        <v>408</v>
      </c>
      <c r="L375" s="93"/>
      <c r="M375" s="93"/>
      <c r="N375" s="93"/>
      <c r="O375" s="93"/>
      <c r="P375" s="22"/>
      <c r="Q375" s="22"/>
      <c r="R375" s="22"/>
    </row>
    <row r="376" spans="1:18" ht="34.5" customHeight="1" x14ac:dyDescent="0.15">
      <c r="A376" s="185"/>
      <c r="B376" s="1"/>
      <c r="C376" s="174"/>
      <c r="D376" s="255"/>
      <c r="E376" s="257" t="s">
        <v>332</v>
      </c>
      <c r="F376" s="258"/>
      <c r="G376" s="258"/>
      <c r="H376" s="258"/>
      <c r="I376" s="252"/>
      <c r="J376" s="105">
        <v>0</v>
      </c>
      <c r="K376" s="118" t="s">
        <v>408</v>
      </c>
      <c r="L376" s="93"/>
      <c r="M376" s="93"/>
      <c r="N376" s="93"/>
      <c r="O376" s="93"/>
      <c r="P376" s="22"/>
      <c r="Q376" s="22"/>
      <c r="R376" s="22"/>
    </row>
    <row r="377" spans="1:18" ht="34.5" customHeight="1" x14ac:dyDescent="0.15">
      <c r="A377" s="185"/>
      <c r="B377" s="1"/>
      <c r="C377" s="174"/>
      <c r="D377" s="255"/>
      <c r="E377" s="257" t="s">
        <v>334</v>
      </c>
      <c r="F377" s="258"/>
      <c r="G377" s="258"/>
      <c r="H377" s="258"/>
      <c r="I377" s="252"/>
      <c r="J377" s="105">
        <v>0</v>
      </c>
      <c r="K377" s="118" t="s">
        <v>408</v>
      </c>
      <c r="L377" s="93"/>
      <c r="M377" s="93"/>
      <c r="N377" s="93"/>
      <c r="O377" s="93"/>
      <c r="P377" s="22"/>
      <c r="Q377" s="22"/>
      <c r="R377" s="22"/>
    </row>
    <row r="378" spans="1:18" ht="34.5" customHeight="1" x14ac:dyDescent="0.15">
      <c r="A378" s="185"/>
      <c r="B378" s="1"/>
      <c r="C378" s="174"/>
      <c r="D378" s="255"/>
      <c r="E378" s="257" t="s">
        <v>336</v>
      </c>
      <c r="F378" s="258"/>
      <c r="G378" s="258"/>
      <c r="H378" s="258"/>
      <c r="I378" s="252"/>
      <c r="J378" s="105">
        <v>0</v>
      </c>
      <c r="K378" s="118" t="s">
        <v>408</v>
      </c>
      <c r="L378" s="93"/>
      <c r="M378" s="93"/>
      <c r="N378" s="93"/>
      <c r="O378" s="93"/>
      <c r="P378" s="22"/>
      <c r="Q378" s="22"/>
      <c r="R378" s="22"/>
    </row>
    <row r="379" spans="1:18" ht="34.5" customHeight="1" x14ac:dyDescent="0.15">
      <c r="A379" s="185"/>
      <c r="B379" s="1"/>
      <c r="C379" s="174"/>
      <c r="D379" s="255"/>
      <c r="E379" s="257" t="s">
        <v>338</v>
      </c>
      <c r="F379" s="258"/>
      <c r="G379" s="258"/>
      <c r="H379" s="258"/>
      <c r="I379" s="252"/>
      <c r="J379" s="105">
        <v>0</v>
      </c>
      <c r="K379" s="118" t="s">
        <v>408</v>
      </c>
      <c r="L379" s="93"/>
      <c r="M379" s="93"/>
      <c r="N379" s="93"/>
      <c r="O379" s="93"/>
      <c r="P379" s="22"/>
      <c r="Q379" s="22"/>
      <c r="R379" s="22"/>
    </row>
    <row r="380" spans="1:18" ht="34.5" customHeight="1" x14ac:dyDescent="0.15">
      <c r="A380" s="185"/>
      <c r="B380" s="1"/>
      <c r="C380" s="174"/>
      <c r="D380" s="256"/>
      <c r="E380" s="257" t="s">
        <v>340</v>
      </c>
      <c r="F380" s="258"/>
      <c r="G380" s="258"/>
      <c r="H380" s="258"/>
      <c r="I380" s="253"/>
      <c r="J380" s="105">
        <v>0</v>
      </c>
      <c r="K380" s="118" t="s">
        <v>408</v>
      </c>
      <c r="L380" s="93"/>
      <c r="M380" s="93"/>
      <c r="N380" s="93"/>
      <c r="O380" s="93"/>
      <c r="P380" s="22"/>
      <c r="Q380" s="22"/>
      <c r="R380" s="22"/>
    </row>
    <row r="381" spans="1:18" ht="57" x14ac:dyDescent="0.15">
      <c r="A381" s="185"/>
      <c r="B381" s="130"/>
      <c r="C381" s="259" t="s">
        <v>357</v>
      </c>
      <c r="D381" s="260"/>
      <c r="E381" s="260"/>
      <c r="F381" s="260"/>
      <c r="G381" s="260"/>
      <c r="H381" s="261"/>
      <c r="I381" s="134" t="s">
        <v>358</v>
      </c>
      <c r="J381" s="105">
        <v>0</v>
      </c>
      <c r="K381" s="118" t="s">
        <v>408</v>
      </c>
      <c r="L381" s="93"/>
      <c r="M381" s="93"/>
      <c r="N381" s="93"/>
      <c r="O381" s="93"/>
      <c r="P381" s="22"/>
      <c r="Q381" s="22"/>
      <c r="R381" s="22"/>
    </row>
    <row r="382" spans="1:18" ht="71.25" x14ac:dyDescent="0.15">
      <c r="A382" s="185"/>
      <c r="B382" s="130"/>
      <c r="C382" s="259" t="s">
        <v>360</v>
      </c>
      <c r="D382" s="260"/>
      <c r="E382" s="260"/>
      <c r="F382" s="260"/>
      <c r="G382" s="260"/>
      <c r="H382" s="261"/>
      <c r="I382" s="134" t="s">
        <v>361</v>
      </c>
      <c r="J382" s="105">
        <v>0</v>
      </c>
      <c r="K382" s="118" t="s">
        <v>408</v>
      </c>
      <c r="L382" s="93"/>
      <c r="M382" s="93"/>
      <c r="N382" s="93"/>
      <c r="O382" s="93"/>
      <c r="P382" s="22"/>
      <c r="Q382" s="22"/>
      <c r="R382" s="22"/>
    </row>
    <row r="383" spans="1:18" ht="71.25" x14ac:dyDescent="0.15">
      <c r="A383" s="185"/>
      <c r="B383" s="130"/>
      <c r="C383" s="259" t="s">
        <v>363</v>
      </c>
      <c r="D383" s="260"/>
      <c r="E383" s="260"/>
      <c r="F383" s="260"/>
      <c r="G383" s="260"/>
      <c r="H383" s="261"/>
      <c r="I383" s="134" t="s">
        <v>364</v>
      </c>
      <c r="J383" s="105">
        <v>0</v>
      </c>
      <c r="K383" s="118" t="s">
        <v>408</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365</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366</v>
      </c>
      <c r="D389" s="3"/>
      <c r="F389" s="3"/>
      <c r="G389" s="3"/>
      <c r="H389" s="67"/>
      <c r="I389" s="67"/>
      <c r="J389" s="71" t="s">
        <v>4</v>
      </c>
      <c r="K389" s="72"/>
      <c r="L389" s="93"/>
      <c r="M389" s="93"/>
      <c r="N389" s="93"/>
      <c r="O389" s="93"/>
      <c r="P389" s="22"/>
      <c r="Q389" s="22"/>
      <c r="R389" s="22"/>
    </row>
    <row r="390" spans="1:18" x14ac:dyDescent="0.15">
      <c r="A390" s="185"/>
      <c r="B390" s="1"/>
      <c r="C390" s="270"/>
      <c r="D390" s="271"/>
      <c r="E390" s="271"/>
      <c r="F390" s="271"/>
      <c r="G390" s="176"/>
      <c r="H390" s="67"/>
      <c r="I390" s="74" t="s">
        <v>67</v>
      </c>
      <c r="J390" s="75"/>
      <c r="K390" s="76"/>
      <c r="L390" s="93"/>
      <c r="M390" s="93"/>
      <c r="N390" s="93"/>
      <c r="O390" s="93"/>
      <c r="P390" s="22"/>
      <c r="Q390" s="22"/>
      <c r="R390" s="22"/>
    </row>
    <row r="391" spans="1:18" ht="42.75" x14ac:dyDescent="0.15">
      <c r="A391" s="185"/>
      <c r="B391" s="1"/>
      <c r="C391" s="259" t="s">
        <v>368</v>
      </c>
      <c r="D391" s="260"/>
      <c r="E391" s="260"/>
      <c r="F391" s="260"/>
      <c r="G391" s="260"/>
      <c r="H391" s="261"/>
      <c r="I391" s="78" t="s">
        <v>369</v>
      </c>
      <c r="J391" s="105">
        <v>0</v>
      </c>
      <c r="K391" s="118" t="s">
        <v>408</v>
      </c>
      <c r="L391" s="93"/>
      <c r="M391" s="93"/>
      <c r="N391" s="93"/>
      <c r="O391" s="93"/>
      <c r="P391" s="22"/>
      <c r="Q391" s="22"/>
      <c r="R391" s="22"/>
    </row>
    <row r="392" spans="1:18" ht="71.25" x14ac:dyDescent="0.15">
      <c r="A392" s="185"/>
      <c r="B392" s="177"/>
      <c r="C392" s="259" t="s">
        <v>371</v>
      </c>
      <c r="D392" s="266"/>
      <c r="E392" s="266"/>
      <c r="F392" s="266"/>
      <c r="G392" s="266"/>
      <c r="H392" s="267"/>
      <c r="I392" s="134" t="s">
        <v>372</v>
      </c>
      <c r="J392" s="105">
        <v>0</v>
      </c>
      <c r="K392" s="118" t="s">
        <v>408</v>
      </c>
      <c r="L392" s="93"/>
      <c r="M392" s="93"/>
      <c r="N392" s="93"/>
      <c r="O392" s="93"/>
      <c r="P392" s="22"/>
      <c r="Q392" s="22"/>
      <c r="R392" s="22"/>
    </row>
    <row r="393" spans="1:18" ht="57" x14ac:dyDescent="0.15">
      <c r="A393" s="185"/>
      <c r="B393" s="177"/>
      <c r="C393" s="259" t="s">
        <v>374</v>
      </c>
      <c r="D393" s="266"/>
      <c r="E393" s="266"/>
      <c r="F393" s="266"/>
      <c r="G393" s="266"/>
      <c r="H393" s="267"/>
      <c r="I393" s="134" t="s">
        <v>375</v>
      </c>
      <c r="J393" s="105">
        <v>0</v>
      </c>
      <c r="K393" s="118" t="s">
        <v>408</v>
      </c>
      <c r="L393" s="93"/>
      <c r="M393" s="93"/>
      <c r="N393" s="93"/>
      <c r="O393" s="93"/>
      <c r="P393" s="22"/>
      <c r="Q393" s="22"/>
      <c r="R393" s="22"/>
    </row>
    <row r="394" spans="1:18" ht="57" x14ac:dyDescent="0.15">
      <c r="A394" s="185"/>
      <c r="B394" s="177"/>
      <c r="C394" s="259" t="s">
        <v>377</v>
      </c>
      <c r="D394" s="266"/>
      <c r="E394" s="266"/>
      <c r="F394" s="266"/>
      <c r="G394" s="266"/>
      <c r="H394" s="267"/>
      <c r="I394" s="134" t="s">
        <v>378</v>
      </c>
      <c r="J394" s="105">
        <v>0</v>
      </c>
      <c r="K394" s="118" t="s">
        <v>408</v>
      </c>
      <c r="L394" s="93"/>
      <c r="M394" s="93"/>
      <c r="N394" s="93"/>
      <c r="O394" s="93"/>
      <c r="P394" s="22"/>
      <c r="Q394" s="22"/>
      <c r="R394" s="22"/>
    </row>
    <row r="395" spans="1:18" ht="71.25" x14ac:dyDescent="0.15">
      <c r="A395" s="185"/>
      <c r="B395" s="177"/>
      <c r="C395" s="259" t="s">
        <v>380</v>
      </c>
      <c r="D395" s="266"/>
      <c r="E395" s="266"/>
      <c r="F395" s="266"/>
      <c r="G395" s="266"/>
      <c r="H395" s="267"/>
      <c r="I395" s="134" t="s">
        <v>381</v>
      </c>
      <c r="J395" s="105">
        <v>0</v>
      </c>
      <c r="K395" s="118" t="s">
        <v>408</v>
      </c>
      <c r="L395" s="93"/>
      <c r="M395" s="93"/>
      <c r="N395" s="93"/>
      <c r="O395" s="93"/>
      <c r="P395" s="22"/>
      <c r="Q395" s="22"/>
      <c r="R395" s="22"/>
    </row>
    <row r="396" spans="1:18" s="137" customFormat="1" ht="85.5" x14ac:dyDescent="0.15">
      <c r="A396" s="185"/>
      <c r="B396" s="177"/>
      <c r="C396" s="259" t="s">
        <v>698</v>
      </c>
      <c r="D396" s="266"/>
      <c r="E396" s="266"/>
      <c r="F396" s="266"/>
      <c r="G396" s="266"/>
      <c r="H396" s="267"/>
      <c r="I396" s="134" t="s">
        <v>384</v>
      </c>
      <c r="J396" s="105">
        <v>0</v>
      </c>
      <c r="K396" s="118" t="s">
        <v>408</v>
      </c>
      <c r="L396" s="93"/>
      <c r="M396" s="93"/>
      <c r="N396" s="93"/>
      <c r="O396" s="93"/>
      <c r="P396" s="22"/>
      <c r="Q396" s="22"/>
      <c r="R396" s="22"/>
    </row>
    <row r="397" spans="1:18" s="137" customFormat="1" ht="57" x14ac:dyDescent="0.15">
      <c r="A397" s="185"/>
      <c r="B397" s="177"/>
      <c r="C397" s="259" t="s">
        <v>386</v>
      </c>
      <c r="D397" s="266"/>
      <c r="E397" s="266"/>
      <c r="F397" s="266"/>
      <c r="G397" s="266"/>
      <c r="H397" s="267"/>
      <c r="I397" s="134" t="s">
        <v>387</v>
      </c>
      <c r="J397" s="105">
        <v>0</v>
      </c>
      <c r="K397" s="118" t="s">
        <v>408</v>
      </c>
      <c r="L397" s="93"/>
      <c r="M397" s="93"/>
      <c r="N397" s="93"/>
      <c r="O397" s="93"/>
      <c r="P397" s="22"/>
      <c r="Q397" s="22"/>
      <c r="R397" s="22"/>
    </row>
    <row r="398" spans="1:18" s="137" customFormat="1" ht="85.5" x14ac:dyDescent="0.15">
      <c r="A398" s="185"/>
      <c r="B398" s="177"/>
      <c r="C398" s="259" t="s">
        <v>389</v>
      </c>
      <c r="D398" s="266"/>
      <c r="E398" s="266"/>
      <c r="F398" s="266"/>
      <c r="G398" s="266"/>
      <c r="H398" s="267"/>
      <c r="I398" s="134" t="s">
        <v>390</v>
      </c>
      <c r="J398" s="105">
        <v>0</v>
      </c>
      <c r="K398" s="118" t="s">
        <v>408</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391</v>
      </c>
      <c r="D402" s="3"/>
      <c r="F402" s="3"/>
      <c r="G402" s="3"/>
      <c r="H402" s="67"/>
      <c r="I402" s="67"/>
      <c r="J402" s="71" t="s">
        <v>4</v>
      </c>
      <c r="K402" s="72"/>
      <c r="L402" s="93"/>
      <c r="M402" s="93"/>
      <c r="N402" s="93"/>
      <c r="O402" s="93"/>
      <c r="P402" s="22"/>
      <c r="Q402" s="22"/>
      <c r="R402" s="22"/>
    </row>
    <row r="403" spans="1:18" x14ac:dyDescent="0.15">
      <c r="A403" s="185"/>
      <c r="B403" s="1"/>
      <c r="C403" s="270"/>
      <c r="D403" s="271"/>
      <c r="E403" s="271"/>
      <c r="F403" s="271"/>
      <c r="G403" s="101"/>
      <c r="H403" s="67"/>
      <c r="I403" s="74" t="s">
        <v>67</v>
      </c>
      <c r="J403" s="75"/>
      <c r="K403" s="76"/>
      <c r="L403" s="93"/>
      <c r="M403" s="93"/>
      <c r="N403" s="93"/>
      <c r="O403" s="93"/>
      <c r="P403" s="22"/>
      <c r="Q403" s="22"/>
      <c r="R403" s="22"/>
    </row>
    <row r="404" spans="1:18" s="144" customFormat="1" ht="57" x14ac:dyDescent="0.15">
      <c r="A404" s="185"/>
      <c r="B404" s="177"/>
      <c r="C404" s="263" t="s">
        <v>393</v>
      </c>
      <c r="D404" s="264"/>
      <c r="E404" s="264"/>
      <c r="F404" s="264"/>
      <c r="G404" s="264"/>
      <c r="H404" s="265"/>
      <c r="I404" s="134" t="s">
        <v>394</v>
      </c>
      <c r="J404" s="105">
        <v>0</v>
      </c>
      <c r="K404" s="118" t="s">
        <v>408</v>
      </c>
      <c r="L404" s="93"/>
      <c r="M404" s="93"/>
      <c r="N404" s="93"/>
      <c r="O404" s="93"/>
      <c r="P404" s="22"/>
      <c r="Q404" s="22"/>
      <c r="R404" s="22"/>
    </row>
    <row r="405" spans="1:18" s="144" customFormat="1" ht="71.25" x14ac:dyDescent="0.15">
      <c r="A405" s="185"/>
      <c r="B405" s="177"/>
      <c r="C405" s="263" t="s">
        <v>398</v>
      </c>
      <c r="D405" s="296"/>
      <c r="E405" s="296"/>
      <c r="F405" s="296"/>
      <c r="G405" s="296"/>
      <c r="H405" s="297"/>
      <c r="I405" s="134" t="s">
        <v>399</v>
      </c>
      <c r="J405" s="105">
        <v>0</v>
      </c>
      <c r="K405" s="118" t="s">
        <v>408</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400</v>
      </c>
      <c r="D409" s="3"/>
      <c r="F409" s="3"/>
      <c r="G409" s="3"/>
      <c r="H409" s="67"/>
      <c r="I409" s="67"/>
      <c r="J409" s="71" t="s">
        <v>4</v>
      </c>
      <c r="K409" s="72"/>
      <c r="L409" s="93"/>
      <c r="M409" s="93"/>
      <c r="N409" s="93"/>
      <c r="O409" s="93"/>
      <c r="P409" s="22"/>
      <c r="Q409" s="22"/>
      <c r="R409" s="22"/>
    </row>
    <row r="410" spans="1:18" x14ac:dyDescent="0.15">
      <c r="A410" s="185"/>
      <c r="B410" s="1"/>
      <c r="C410" s="298"/>
      <c r="D410" s="298"/>
      <c r="E410" s="298"/>
      <c r="F410" s="298"/>
      <c r="G410" s="101"/>
      <c r="H410" s="67"/>
      <c r="I410" s="74" t="s">
        <v>67</v>
      </c>
      <c r="J410" s="75"/>
      <c r="K410" s="76"/>
      <c r="L410" s="93"/>
      <c r="M410" s="93"/>
      <c r="N410" s="93"/>
      <c r="O410" s="93"/>
      <c r="P410" s="22"/>
      <c r="Q410" s="22"/>
      <c r="R410" s="22"/>
    </row>
    <row r="411" spans="1:18" s="144" customFormat="1" ht="71.25" x14ac:dyDescent="0.15">
      <c r="A411" s="185"/>
      <c r="B411" s="177"/>
      <c r="C411" s="263" t="s">
        <v>402</v>
      </c>
      <c r="D411" s="264"/>
      <c r="E411" s="264"/>
      <c r="F411" s="264"/>
      <c r="G411" s="264"/>
      <c r="H411" s="265"/>
      <c r="I411" s="134" t="s">
        <v>403</v>
      </c>
      <c r="J411" s="105">
        <v>0</v>
      </c>
      <c r="K411" s="118" t="s">
        <v>408</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404</v>
      </c>
      <c r="D415" s="3"/>
      <c r="F415" s="3"/>
      <c r="G415" s="3"/>
      <c r="H415" s="67"/>
      <c r="I415" s="67"/>
      <c r="J415" s="71" t="s">
        <v>4</v>
      </c>
      <c r="K415" s="72"/>
      <c r="L415" s="93"/>
      <c r="M415" s="93"/>
      <c r="N415" s="93"/>
      <c r="O415" s="93"/>
      <c r="P415" s="22"/>
      <c r="Q415" s="22"/>
      <c r="R415" s="22"/>
    </row>
    <row r="416" spans="1:18" x14ac:dyDescent="0.15">
      <c r="A416" s="185"/>
      <c r="B416" s="1"/>
      <c r="C416" s="298"/>
      <c r="D416" s="299"/>
      <c r="E416" s="299"/>
      <c r="F416" s="299"/>
      <c r="G416" s="101"/>
      <c r="H416" s="67"/>
      <c r="I416" s="74" t="s">
        <v>67</v>
      </c>
      <c r="J416" s="75"/>
      <c r="K416" s="76"/>
      <c r="L416" s="93"/>
      <c r="M416" s="93"/>
      <c r="N416" s="93"/>
      <c r="O416" s="93"/>
      <c r="P416" s="22"/>
      <c r="Q416" s="22"/>
      <c r="R416" s="22"/>
    </row>
    <row r="417" spans="1:18" s="84" customFormat="1" ht="28.5" customHeight="1" x14ac:dyDescent="0.15">
      <c r="A417" s="185"/>
      <c r="B417" s="177"/>
      <c r="C417" s="259" t="s">
        <v>406</v>
      </c>
      <c r="D417" s="260"/>
      <c r="E417" s="260"/>
      <c r="F417" s="260"/>
      <c r="G417" s="260"/>
      <c r="H417" s="261"/>
      <c r="I417" s="134" t="s">
        <v>407</v>
      </c>
      <c r="J417" s="105">
        <v>0</v>
      </c>
      <c r="K417" s="118" t="s">
        <v>408</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409</v>
      </c>
      <c r="D421" s="3"/>
      <c r="F421" s="3"/>
      <c r="G421" s="3"/>
      <c r="H421" s="67"/>
      <c r="I421" s="67"/>
      <c r="J421" s="71" t="s">
        <v>4</v>
      </c>
      <c r="K421" s="72"/>
      <c r="L421" s="93"/>
      <c r="M421" s="93"/>
      <c r="N421" s="93"/>
      <c r="O421" s="93"/>
      <c r="P421" s="22"/>
      <c r="Q421" s="22"/>
      <c r="R421" s="22"/>
    </row>
    <row r="422" spans="1:18" x14ac:dyDescent="0.15">
      <c r="A422" s="185"/>
      <c r="B422" s="1"/>
      <c r="C422" s="270"/>
      <c r="D422" s="271"/>
      <c r="E422" s="271"/>
      <c r="F422" s="271"/>
      <c r="G422" s="101"/>
      <c r="H422" s="67"/>
      <c r="I422" s="74" t="s">
        <v>67</v>
      </c>
      <c r="J422" s="75"/>
      <c r="K422" s="76"/>
      <c r="L422" s="93"/>
      <c r="M422" s="93"/>
      <c r="N422" s="93"/>
      <c r="O422" s="93"/>
      <c r="P422" s="22"/>
      <c r="Q422" s="22"/>
      <c r="R422" s="22"/>
    </row>
    <row r="423" spans="1:18" s="144" customFormat="1" ht="57" x14ac:dyDescent="0.15">
      <c r="A423" s="185"/>
      <c r="B423" s="177"/>
      <c r="C423" s="259" t="s">
        <v>411</v>
      </c>
      <c r="D423" s="260"/>
      <c r="E423" s="260"/>
      <c r="F423" s="260"/>
      <c r="G423" s="260"/>
      <c r="H423" s="261"/>
      <c r="I423" s="134" t="s">
        <v>412</v>
      </c>
      <c r="J423" s="105">
        <v>0</v>
      </c>
      <c r="K423" s="118" t="s">
        <v>408</v>
      </c>
      <c r="L423" s="93"/>
      <c r="M423" s="93"/>
      <c r="N423" s="93"/>
      <c r="O423" s="93"/>
      <c r="P423" s="22"/>
      <c r="Q423" s="22"/>
      <c r="R423" s="22"/>
    </row>
    <row r="424" spans="1:18" s="144" customFormat="1" ht="57" x14ac:dyDescent="0.15">
      <c r="A424" s="185"/>
      <c r="B424" s="177"/>
      <c r="C424" s="259" t="s">
        <v>414</v>
      </c>
      <c r="D424" s="266"/>
      <c r="E424" s="266"/>
      <c r="F424" s="266"/>
      <c r="G424" s="266"/>
      <c r="H424" s="267"/>
      <c r="I424" s="134" t="s">
        <v>415</v>
      </c>
      <c r="J424" s="105">
        <v>0</v>
      </c>
      <c r="K424" s="118" t="s">
        <v>408</v>
      </c>
      <c r="L424" s="93"/>
      <c r="M424" s="93"/>
      <c r="N424" s="93"/>
      <c r="O424" s="93"/>
      <c r="P424" s="22"/>
      <c r="Q424" s="22"/>
      <c r="R424" s="22"/>
    </row>
    <row r="425" spans="1:18" s="144" customFormat="1" ht="57" customHeight="1" x14ac:dyDescent="0.15">
      <c r="A425" s="185"/>
      <c r="B425" s="177"/>
      <c r="C425" s="259" t="s">
        <v>417</v>
      </c>
      <c r="D425" s="266"/>
      <c r="E425" s="266"/>
      <c r="F425" s="266"/>
      <c r="G425" s="266"/>
      <c r="H425" s="267"/>
      <c r="I425" s="372" t="s">
        <v>418</v>
      </c>
      <c r="J425" s="105">
        <v>0</v>
      </c>
      <c r="K425" s="118" t="s">
        <v>408</v>
      </c>
      <c r="L425" s="93"/>
      <c r="M425" s="93"/>
      <c r="N425" s="93"/>
      <c r="O425" s="93"/>
      <c r="P425" s="22"/>
      <c r="Q425" s="22"/>
      <c r="R425" s="22"/>
    </row>
    <row r="426" spans="1:18" s="144" customFormat="1" ht="57" customHeight="1" x14ac:dyDescent="0.15">
      <c r="A426" s="185"/>
      <c r="B426" s="177"/>
      <c r="C426" s="259" t="s">
        <v>420</v>
      </c>
      <c r="D426" s="266"/>
      <c r="E426" s="266"/>
      <c r="F426" s="266"/>
      <c r="G426" s="266"/>
      <c r="H426" s="267"/>
      <c r="I426" s="373"/>
      <c r="J426" s="105">
        <v>0</v>
      </c>
      <c r="K426" s="118" t="s">
        <v>408</v>
      </c>
      <c r="L426" s="93"/>
      <c r="M426" s="93"/>
      <c r="N426" s="93"/>
      <c r="O426" s="93"/>
      <c r="P426" s="22"/>
      <c r="Q426" s="22"/>
      <c r="R426" s="22"/>
    </row>
    <row r="427" spans="1:18" s="144" customFormat="1" ht="71.25" x14ac:dyDescent="0.15">
      <c r="A427" s="185"/>
      <c r="B427" s="177"/>
      <c r="C427" s="259" t="s">
        <v>423</v>
      </c>
      <c r="D427" s="266"/>
      <c r="E427" s="266"/>
      <c r="F427" s="266"/>
      <c r="G427" s="266"/>
      <c r="H427" s="267"/>
      <c r="I427" s="134" t="s">
        <v>424</v>
      </c>
      <c r="J427" s="105">
        <v>0</v>
      </c>
      <c r="K427" s="118" t="s">
        <v>408</v>
      </c>
      <c r="L427" s="93"/>
      <c r="M427" s="93"/>
      <c r="N427" s="93"/>
      <c r="O427" s="93"/>
      <c r="P427" s="22"/>
      <c r="Q427" s="22"/>
      <c r="R427" s="22"/>
    </row>
    <row r="428" spans="1:18" s="144" customFormat="1" ht="57" x14ac:dyDescent="0.15">
      <c r="A428" s="185"/>
      <c r="B428" s="177"/>
      <c r="C428" s="259" t="s">
        <v>426</v>
      </c>
      <c r="D428" s="266"/>
      <c r="E428" s="266"/>
      <c r="F428" s="266"/>
      <c r="G428" s="266"/>
      <c r="H428" s="267"/>
      <c r="I428" s="134" t="s">
        <v>427</v>
      </c>
      <c r="J428" s="105">
        <v>0</v>
      </c>
      <c r="K428" s="118" t="s">
        <v>408</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428</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4</v>
      </c>
      <c r="K434" s="72"/>
      <c r="L434" s="93"/>
      <c r="M434" s="93"/>
      <c r="N434" s="93"/>
      <c r="O434" s="93"/>
      <c r="P434" s="22"/>
      <c r="Q434" s="22"/>
      <c r="R434" s="22"/>
    </row>
    <row r="435" spans="1:18" s="1" customFormat="1" x14ac:dyDescent="0.15">
      <c r="A435" s="185"/>
      <c r="C435" s="66"/>
      <c r="D435" s="3"/>
      <c r="E435" s="3"/>
      <c r="F435" s="3"/>
      <c r="G435" s="3"/>
      <c r="H435" s="67"/>
      <c r="I435" s="74" t="s">
        <v>67</v>
      </c>
      <c r="J435" s="75"/>
      <c r="K435" s="76"/>
      <c r="L435" s="93"/>
      <c r="M435" s="93"/>
      <c r="N435" s="93"/>
      <c r="O435" s="93"/>
      <c r="P435" s="22"/>
      <c r="Q435" s="22"/>
      <c r="R435" s="22"/>
    </row>
    <row r="436" spans="1:18" s="144" customFormat="1" ht="71.25" x14ac:dyDescent="0.15">
      <c r="A436" s="185"/>
      <c r="C436" s="257" t="s">
        <v>430</v>
      </c>
      <c r="D436" s="257"/>
      <c r="E436" s="257"/>
      <c r="F436" s="257"/>
      <c r="G436" s="257"/>
      <c r="H436" s="257"/>
      <c r="I436" s="134" t="s">
        <v>431</v>
      </c>
      <c r="J436" s="105">
        <v>0</v>
      </c>
      <c r="K436" s="118" t="s">
        <v>408</v>
      </c>
      <c r="L436" s="93"/>
      <c r="M436" s="93"/>
      <c r="N436" s="93"/>
      <c r="O436" s="93"/>
      <c r="P436" s="22"/>
      <c r="Q436" s="22"/>
      <c r="R436" s="22"/>
    </row>
    <row r="437" spans="1:18" s="144" customFormat="1" ht="71.25" x14ac:dyDescent="0.15">
      <c r="A437" s="185"/>
      <c r="B437" s="107"/>
      <c r="C437" s="257" t="s">
        <v>433</v>
      </c>
      <c r="D437" s="258"/>
      <c r="E437" s="258"/>
      <c r="F437" s="258"/>
      <c r="G437" s="258"/>
      <c r="H437" s="258"/>
      <c r="I437" s="134" t="s">
        <v>434</v>
      </c>
      <c r="J437" s="105">
        <v>0</v>
      </c>
      <c r="K437" s="118" t="s">
        <v>408</v>
      </c>
      <c r="L437" s="93"/>
      <c r="M437" s="93"/>
      <c r="N437" s="93"/>
      <c r="O437" s="93"/>
      <c r="P437" s="22"/>
      <c r="Q437" s="22"/>
      <c r="R437" s="22"/>
    </row>
    <row r="438" spans="1:18" s="144" customFormat="1" ht="71.25" x14ac:dyDescent="0.15">
      <c r="A438" s="185"/>
      <c r="B438" s="107"/>
      <c r="C438" s="257" t="s">
        <v>436</v>
      </c>
      <c r="D438" s="258"/>
      <c r="E438" s="258"/>
      <c r="F438" s="258"/>
      <c r="G438" s="258"/>
      <c r="H438" s="258"/>
      <c r="I438" s="134" t="s">
        <v>437</v>
      </c>
      <c r="J438" s="105">
        <v>0</v>
      </c>
      <c r="K438" s="118" t="s">
        <v>408</v>
      </c>
      <c r="L438" s="93"/>
      <c r="M438" s="93"/>
      <c r="N438" s="93"/>
      <c r="O438" s="93"/>
      <c r="P438" s="22"/>
      <c r="Q438" s="22"/>
      <c r="R438" s="22"/>
    </row>
    <row r="439" spans="1:18" s="144" customFormat="1" ht="71.25" x14ac:dyDescent="0.15">
      <c r="A439" s="185"/>
      <c r="B439" s="107"/>
      <c r="C439" s="257" t="s">
        <v>439</v>
      </c>
      <c r="D439" s="258"/>
      <c r="E439" s="258"/>
      <c r="F439" s="258"/>
      <c r="G439" s="258"/>
      <c r="H439" s="258"/>
      <c r="I439" s="134" t="s">
        <v>440</v>
      </c>
      <c r="J439" s="105">
        <v>0</v>
      </c>
      <c r="K439" s="118" t="s">
        <v>408</v>
      </c>
      <c r="L439" s="93"/>
      <c r="M439" s="93"/>
      <c r="N439" s="93"/>
      <c r="O439" s="93"/>
      <c r="P439" s="22"/>
      <c r="Q439" s="22"/>
      <c r="R439" s="22"/>
    </row>
    <row r="440" spans="1:18" s="144" customFormat="1" ht="71.25" x14ac:dyDescent="0.15">
      <c r="A440" s="185"/>
      <c r="B440" s="107"/>
      <c r="C440" s="257" t="s">
        <v>442</v>
      </c>
      <c r="D440" s="258"/>
      <c r="E440" s="258"/>
      <c r="F440" s="258"/>
      <c r="G440" s="258"/>
      <c r="H440" s="258"/>
      <c r="I440" s="134" t="s">
        <v>443</v>
      </c>
      <c r="J440" s="105">
        <v>0</v>
      </c>
      <c r="K440" s="118" t="s">
        <v>408</v>
      </c>
      <c r="L440" s="93"/>
      <c r="M440" s="93"/>
      <c r="N440" s="93"/>
      <c r="O440" s="93"/>
      <c r="P440" s="22"/>
      <c r="Q440" s="22"/>
      <c r="R440" s="22"/>
    </row>
    <row r="441" spans="1:18" s="144" customFormat="1" ht="85.5" x14ac:dyDescent="0.15">
      <c r="A441" s="185"/>
      <c r="B441" s="107"/>
      <c r="C441" s="257" t="s">
        <v>445</v>
      </c>
      <c r="D441" s="258"/>
      <c r="E441" s="258"/>
      <c r="F441" s="258"/>
      <c r="G441" s="258"/>
      <c r="H441" s="258"/>
      <c r="I441" s="134" t="s">
        <v>446</v>
      </c>
      <c r="J441" s="105">
        <v>0</v>
      </c>
      <c r="K441" s="118" t="s">
        <v>408</v>
      </c>
      <c r="L441" s="93"/>
      <c r="M441" s="93"/>
      <c r="N441" s="93"/>
      <c r="O441" s="93"/>
      <c r="P441" s="22"/>
      <c r="Q441" s="22"/>
      <c r="R441" s="22"/>
    </row>
    <row r="442" spans="1:18" s="144" customFormat="1" ht="71.25" x14ac:dyDescent="0.15">
      <c r="A442" s="185"/>
      <c r="B442" s="107"/>
      <c r="C442" s="257" t="s">
        <v>448</v>
      </c>
      <c r="D442" s="258"/>
      <c r="E442" s="258"/>
      <c r="F442" s="258"/>
      <c r="G442" s="258"/>
      <c r="H442" s="258"/>
      <c r="I442" s="134" t="s">
        <v>449</v>
      </c>
      <c r="J442" s="105">
        <v>0</v>
      </c>
      <c r="K442" s="118" t="s">
        <v>408</v>
      </c>
      <c r="L442" s="93"/>
      <c r="M442" s="93"/>
      <c r="N442" s="93"/>
      <c r="O442" s="93"/>
      <c r="P442" s="22"/>
      <c r="Q442" s="22"/>
      <c r="R442" s="22"/>
    </row>
    <row r="443" spans="1:18" s="144" customFormat="1" ht="57" x14ac:dyDescent="0.15">
      <c r="A443" s="185"/>
      <c r="B443" s="107"/>
      <c r="C443" s="257" t="s">
        <v>451</v>
      </c>
      <c r="D443" s="258"/>
      <c r="E443" s="258"/>
      <c r="F443" s="258"/>
      <c r="G443" s="258"/>
      <c r="H443" s="258"/>
      <c r="I443" s="134" t="s">
        <v>452</v>
      </c>
      <c r="J443" s="105">
        <v>0</v>
      </c>
      <c r="K443" s="118" t="s">
        <v>408</v>
      </c>
      <c r="L443" s="93"/>
      <c r="M443" s="93"/>
      <c r="N443" s="93"/>
      <c r="O443" s="93"/>
      <c r="P443" s="22"/>
      <c r="Q443" s="22"/>
      <c r="R443" s="22"/>
    </row>
    <row r="444" spans="1:18" s="144" customFormat="1" ht="57" x14ac:dyDescent="0.15">
      <c r="A444" s="185"/>
      <c r="B444" s="107"/>
      <c r="C444" s="257" t="s">
        <v>699</v>
      </c>
      <c r="D444" s="258"/>
      <c r="E444" s="258"/>
      <c r="F444" s="258"/>
      <c r="G444" s="258"/>
      <c r="H444" s="258"/>
      <c r="I444" s="110" t="s">
        <v>455</v>
      </c>
      <c r="J444" s="105">
        <v>0</v>
      </c>
      <c r="K444" s="118" t="s">
        <v>408</v>
      </c>
      <c r="L444" s="93"/>
      <c r="M444" s="93"/>
      <c r="N444" s="93"/>
      <c r="O444" s="93"/>
      <c r="P444" s="22"/>
      <c r="Q444" s="22"/>
      <c r="R444" s="22"/>
    </row>
    <row r="445" spans="1:18" s="144" customFormat="1" ht="42.75" x14ac:dyDescent="0.15">
      <c r="A445" s="185"/>
      <c r="B445" s="107"/>
      <c r="C445" s="257" t="s">
        <v>457</v>
      </c>
      <c r="D445" s="258"/>
      <c r="E445" s="258"/>
      <c r="F445" s="258"/>
      <c r="G445" s="258"/>
      <c r="H445" s="258"/>
      <c r="I445" s="110" t="s">
        <v>458</v>
      </c>
      <c r="J445" s="105">
        <v>0</v>
      </c>
      <c r="K445" s="118" t="s">
        <v>408</v>
      </c>
      <c r="L445" s="93"/>
      <c r="M445" s="93"/>
      <c r="N445" s="93"/>
      <c r="O445" s="93"/>
      <c r="P445" s="22"/>
      <c r="Q445" s="22"/>
      <c r="R445" s="22"/>
    </row>
    <row r="446" spans="1:18" s="144" customFormat="1" ht="71.25" x14ac:dyDescent="0.15">
      <c r="A446" s="185"/>
      <c r="B446" s="107"/>
      <c r="C446" s="257" t="s">
        <v>460</v>
      </c>
      <c r="D446" s="258"/>
      <c r="E446" s="258"/>
      <c r="F446" s="258"/>
      <c r="G446" s="258"/>
      <c r="H446" s="258"/>
      <c r="I446" s="110" t="s">
        <v>461</v>
      </c>
      <c r="J446" s="105">
        <v>0</v>
      </c>
      <c r="K446" s="118" t="s">
        <v>408</v>
      </c>
      <c r="L446" s="93"/>
      <c r="M446" s="93"/>
      <c r="N446" s="93"/>
      <c r="O446" s="93"/>
      <c r="P446" s="22"/>
      <c r="Q446" s="22"/>
      <c r="R446" s="22"/>
    </row>
    <row r="447" spans="1:18" s="144" customFormat="1" ht="57" x14ac:dyDescent="0.15">
      <c r="A447" s="185"/>
      <c r="B447" s="107"/>
      <c r="C447" s="257" t="s">
        <v>463</v>
      </c>
      <c r="D447" s="258"/>
      <c r="E447" s="258"/>
      <c r="F447" s="258"/>
      <c r="G447" s="258"/>
      <c r="H447" s="258"/>
      <c r="I447" s="110" t="s">
        <v>464</v>
      </c>
      <c r="J447" s="105">
        <v>0</v>
      </c>
      <c r="K447" s="118" t="s">
        <v>408</v>
      </c>
      <c r="L447" s="93"/>
      <c r="M447" s="93"/>
      <c r="N447" s="93"/>
      <c r="O447" s="93"/>
      <c r="P447" s="22"/>
      <c r="Q447" s="22"/>
      <c r="R447" s="22"/>
    </row>
    <row r="448" spans="1:18" s="144" customFormat="1" ht="57" x14ac:dyDescent="0.15">
      <c r="A448" s="185"/>
      <c r="B448" s="107"/>
      <c r="C448" s="257" t="s">
        <v>466</v>
      </c>
      <c r="D448" s="258"/>
      <c r="E448" s="258"/>
      <c r="F448" s="258"/>
      <c r="G448" s="258"/>
      <c r="H448" s="258"/>
      <c r="I448" s="110" t="s">
        <v>467</v>
      </c>
      <c r="J448" s="105">
        <v>0</v>
      </c>
      <c r="K448" s="118" t="s">
        <v>408</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468</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4</v>
      </c>
      <c r="K454" s="72"/>
      <c r="L454" s="93"/>
      <c r="M454" s="93"/>
      <c r="N454" s="93"/>
      <c r="O454" s="93"/>
      <c r="P454" s="22"/>
      <c r="Q454" s="22"/>
      <c r="R454" s="22"/>
    </row>
    <row r="455" spans="1:18" s="1" customFormat="1" x14ac:dyDescent="0.15">
      <c r="A455" s="185"/>
      <c r="C455" s="66"/>
      <c r="D455" s="3"/>
      <c r="E455" s="3"/>
      <c r="F455" s="3"/>
      <c r="G455" s="3"/>
      <c r="H455" s="67"/>
      <c r="I455" s="74" t="s">
        <v>67</v>
      </c>
      <c r="J455" s="75"/>
      <c r="K455" s="76"/>
      <c r="L455" s="93"/>
      <c r="M455" s="93"/>
      <c r="N455" s="93"/>
      <c r="O455" s="93"/>
      <c r="P455" s="22"/>
      <c r="Q455" s="22"/>
      <c r="R455" s="22"/>
    </row>
    <row r="456" spans="1:18" s="144" customFormat="1" ht="71.25" x14ac:dyDescent="0.15">
      <c r="A456" s="185"/>
      <c r="C456" s="257" t="s">
        <v>470</v>
      </c>
      <c r="D456" s="257"/>
      <c r="E456" s="257"/>
      <c r="F456" s="257"/>
      <c r="G456" s="257"/>
      <c r="H456" s="257"/>
      <c r="I456" s="78" t="s">
        <v>471</v>
      </c>
      <c r="J456" s="105">
        <v>0</v>
      </c>
      <c r="K456" s="118" t="s">
        <v>408</v>
      </c>
      <c r="L456" s="93"/>
      <c r="M456" s="93"/>
      <c r="N456" s="93"/>
      <c r="O456" s="93"/>
      <c r="P456" s="22"/>
      <c r="Q456" s="22"/>
      <c r="R456" s="22"/>
    </row>
    <row r="457" spans="1:18" s="144" customFormat="1" ht="57" x14ac:dyDescent="0.15">
      <c r="A457" s="185"/>
      <c r="B457" s="88"/>
      <c r="C457" s="257" t="s">
        <v>473</v>
      </c>
      <c r="D457" s="258"/>
      <c r="E457" s="258"/>
      <c r="F457" s="258"/>
      <c r="G457" s="258"/>
      <c r="H457" s="258"/>
      <c r="I457" s="78" t="s">
        <v>474</v>
      </c>
      <c r="J457" s="105">
        <v>0</v>
      </c>
      <c r="K457" s="118" t="s">
        <v>408</v>
      </c>
      <c r="L457" s="93"/>
      <c r="M457" s="93"/>
      <c r="N457" s="93"/>
      <c r="O457" s="93"/>
      <c r="P457" s="22"/>
      <c r="Q457" s="22"/>
      <c r="R457" s="22"/>
    </row>
    <row r="458" spans="1:18" s="144" customFormat="1" ht="85.5" x14ac:dyDescent="0.15">
      <c r="A458" s="185"/>
      <c r="B458" s="88"/>
      <c r="C458" s="257" t="s">
        <v>476</v>
      </c>
      <c r="D458" s="258"/>
      <c r="E458" s="258"/>
      <c r="F458" s="258"/>
      <c r="G458" s="258"/>
      <c r="H458" s="258"/>
      <c r="I458" s="78" t="s">
        <v>477</v>
      </c>
      <c r="J458" s="105">
        <v>0</v>
      </c>
      <c r="K458" s="118" t="s">
        <v>408</v>
      </c>
      <c r="L458" s="93"/>
      <c r="M458" s="93"/>
      <c r="N458" s="93"/>
      <c r="O458" s="93"/>
      <c r="P458" s="22"/>
      <c r="Q458" s="22"/>
      <c r="R458" s="22"/>
    </row>
    <row r="459" spans="1:18" s="144" customFormat="1" ht="57" x14ac:dyDescent="0.15">
      <c r="A459" s="185"/>
      <c r="B459" s="88"/>
      <c r="C459" s="257" t="s">
        <v>479</v>
      </c>
      <c r="D459" s="258"/>
      <c r="E459" s="258"/>
      <c r="F459" s="258"/>
      <c r="G459" s="258"/>
      <c r="H459" s="258"/>
      <c r="I459" s="178" t="s">
        <v>480</v>
      </c>
      <c r="J459" s="105">
        <v>0</v>
      </c>
      <c r="K459" s="118" t="s">
        <v>408</v>
      </c>
      <c r="L459" s="93"/>
      <c r="M459" s="93"/>
      <c r="N459" s="93"/>
      <c r="O459" s="93"/>
      <c r="P459" s="22"/>
      <c r="Q459" s="22"/>
      <c r="R459" s="22"/>
    </row>
    <row r="460" spans="1:18" s="144" customFormat="1" ht="85.5" x14ac:dyDescent="0.15">
      <c r="A460" s="185"/>
      <c r="B460" s="88"/>
      <c r="C460" s="257" t="s">
        <v>482</v>
      </c>
      <c r="D460" s="258"/>
      <c r="E460" s="258"/>
      <c r="F460" s="258"/>
      <c r="G460" s="258"/>
      <c r="H460" s="258"/>
      <c r="I460" s="78" t="s">
        <v>483</v>
      </c>
      <c r="J460" s="105">
        <v>0</v>
      </c>
      <c r="K460" s="118" t="s">
        <v>408</v>
      </c>
      <c r="L460" s="93"/>
      <c r="M460" s="93"/>
      <c r="N460" s="93"/>
      <c r="O460" s="93"/>
      <c r="P460" s="22"/>
      <c r="Q460" s="22"/>
      <c r="R460" s="22"/>
    </row>
    <row r="461" spans="1:18" s="144" customFormat="1" ht="35.1" customHeight="1" x14ac:dyDescent="0.15">
      <c r="A461" s="185"/>
      <c r="B461" s="88"/>
      <c r="C461" s="276" t="s">
        <v>700</v>
      </c>
      <c r="D461" s="277"/>
      <c r="E461" s="277"/>
      <c r="F461" s="277"/>
      <c r="G461" s="277"/>
      <c r="H461" s="278"/>
      <c r="I461" s="251" t="s">
        <v>486</v>
      </c>
      <c r="J461" s="117">
        <v>0</v>
      </c>
      <c r="K461" s="118" t="s">
        <v>408</v>
      </c>
      <c r="L461" s="93"/>
      <c r="M461" s="93"/>
      <c r="N461" s="93"/>
      <c r="O461" s="93"/>
      <c r="P461" s="22"/>
      <c r="Q461" s="22"/>
      <c r="R461" s="22"/>
    </row>
    <row r="462" spans="1:18" s="144" customFormat="1" ht="35.1" customHeight="1" x14ac:dyDescent="0.15">
      <c r="A462" s="185"/>
      <c r="B462" s="88"/>
      <c r="C462" s="99"/>
      <c r="D462" s="179"/>
      <c r="E462" s="257" t="s">
        <v>488</v>
      </c>
      <c r="F462" s="258"/>
      <c r="G462" s="258"/>
      <c r="H462" s="258"/>
      <c r="I462" s="253"/>
      <c r="J462" s="117">
        <v>0</v>
      </c>
      <c r="K462" s="118" t="s">
        <v>408</v>
      </c>
      <c r="L462" s="93"/>
      <c r="M462" s="93"/>
      <c r="N462" s="93"/>
      <c r="O462" s="93"/>
      <c r="P462" s="22"/>
      <c r="Q462" s="22"/>
      <c r="R462" s="22"/>
    </row>
    <row r="463" spans="1:18" s="144" customFormat="1" ht="35.1" customHeight="1" x14ac:dyDescent="0.15">
      <c r="A463" s="185"/>
      <c r="B463" s="88"/>
      <c r="C463" s="363" t="s">
        <v>701</v>
      </c>
      <c r="D463" s="374"/>
      <c r="E463" s="374"/>
      <c r="F463" s="374"/>
      <c r="G463" s="374"/>
      <c r="H463" s="375"/>
      <c r="I463" s="292" t="s">
        <v>491</v>
      </c>
      <c r="J463" s="117">
        <v>0</v>
      </c>
      <c r="K463" s="118" t="s">
        <v>408</v>
      </c>
      <c r="L463" s="93"/>
      <c r="M463" s="93"/>
      <c r="N463" s="93"/>
      <c r="O463" s="93"/>
      <c r="P463" s="22"/>
      <c r="Q463" s="22"/>
      <c r="R463" s="22"/>
    </row>
    <row r="464" spans="1:18" s="144" customFormat="1" ht="35.1" customHeight="1" x14ac:dyDescent="0.15">
      <c r="A464" s="185"/>
      <c r="B464" s="88"/>
      <c r="C464" s="99"/>
      <c r="D464" s="179"/>
      <c r="E464" s="257" t="s">
        <v>488</v>
      </c>
      <c r="F464" s="258"/>
      <c r="G464" s="258"/>
      <c r="H464" s="258"/>
      <c r="I464" s="293"/>
      <c r="J464" s="117">
        <v>0</v>
      </c>
      <c r="K464" s="118" t="s">
        <v>408</v>
      </c>
      <c r="L464" s="93"/>
      <c r="M464" s="93"/>
      <c r="N464" s="93"/>
      <c r="O464" s="93"/>
      <c r="P464" s="22"/>
      <c r="Q464" s="22"/>
      <c r="R464" s="22"/>
    </row>
    <row r="465" spans="1:18" s="144" customFormat="1" ht="42.75" x14ac:dyDescent="0.15">
      <c r="A465" s="185"/>
      <c r="B465" s="88"/>
      <c r="C465" s="259" t="s">
        <v>702</v>
      </c>
      <c r="D465" s="266"/>
      <c r="E465" s="266"/>
      <c r="F465" s="266"/>
      <c r="G465" s="266"/>
      <c r="H465" s="267"/>
      <c r="I465" s="134" t="s">
        <v>495</v>
      </c>
      <c r="J465" s="105">
        <v>0</v>
      </c>
      <c r="K465" s="118" t="s">
        <v>408</v>
      </c>
      <c r="L465" s="93"/>
      <c r="M465" s="93"/>
      <c r="N465" s="93"/>
      <c r="O465" s="93"/>
      <c r="P465" s="22"/>
      <c r="Q465" s="22"/>
      <c r="R465" s="22"/>
    </row>
    <row r="466" spans="1:18" s="144" customFormat="1" ht="57" x14ac:dyDescent="0.15">
      <c r="A466" s="185"/>
      <c r="B466" s="88"/>
      <c r="C466" s="259" t="s">
        <v>497</v>
      </c>
      <c r="D466" s="266"/>
      <c r="E466" s="266"/>
      <c r="F466" s="266"/>
      <c r="G466" s="266"/>
      <c r="H466" s="267"/>
      <c r="I466" s="134" t="s">
        <v>498</v>
      </c>
      <c r="J466" s="105">
        <v>0</v>
      </c>
      <c r="K466" s="118" t="s">
        <v>408</v>
      </c>
      <c r="L466" s="93"/>
      <c r="M466" s="93"/>
      <c r="N466" s="93"/>
      <c r="O466" s="93"/>
      <c r="P466" s="22"/>
      <c r="Q466" s="22"/>
      <c r="R466" s="22"/>
    </row>
    <row r="467" spans="1:18" s="144" customFormat="1" ht="57" x14ac:dyDescent="0.15">
      <c r="A467" s="185"/>
      <c r="B467" s="88"/>
      <c r="C467" s="259" t="s">
        <v>500</v>
      </c>
      <c r="D467" s="266"/>
      <c r="E467" s="266"/>
      <c r="F467" s="266"/>
      <c r="G467" s="266"/>
      <c r="H467" s="267"/>
      <c r="I467" s="134" t="s">
        <v>501</v>
      </c>
      <c r="J467" s="105">
        <v>0</v>
      </c>
      <c r="K467" s="118" t="s">
        <v>408</v>
      </c>
      <c r="L467" s="93"/>
      <c r="M467" s="93"/>
      <c r="N467" s="93"/>
      <c r="O467" s="93"/>
      <c r="P467" s="22"/>
      <c r="Q467" s="22"/>
      <c r="R467" s="22"/>
    </row>
    <row r="468" spans="1:18" s="84" customFormat="1" ht="57" x14ac:dyDescent="0.15">
      <c r="A468" s="185"/>
      <c r="B468" s="88"/>
      <c r="C468" s="259" t="s">
        <v>503</v>
      </c>
      <c r="D468" s="266"/>
      <c r="E468" s="266"/>
      <c r="F468" s="266"/>
      <c r="G468" s="266"/>
      <c r="H468" s="267"/>
      <c r="I468" s="134" t="s">
        <v>504</v>
      </c>
      <c r="J468" s="105">
        <v>0</v>
      </c>
      <c r="K468" s="118" t="s">
        <v>408</v>
      </c>
      <c r="L468" s="93"/>
      <c r="M468" s="93"/>
      <c r="N468" s="93"/>
      <c r="O468" s="93"/>
      <c r="P468" s="22"/>
      <c r="Q468" s="22"/>
      <c r="R468" s="22"/>
    </row>
    <row r="469" spans="1:18" s="84" customFormat="1" ht="57" x14ac:dyDescent="0.15">
      <c r="A469" s="185"/>
      <c r="B469" s="88"/>
      <c r="C469" s="259" t="s">
        <v>506</v>
      </c>
      <c r="D469" s="266"/>
      <c r="E469" s="266"/>
      <c r="F469" s="266"/>
      <c r="G469" s="266"/>
      <c r="H469" s="267"/>
      <c r="I469" s="134" t="s">
        <v>507</v>
      </c>
      <c r="J469" s="105">
        <v>0</v>
      </c>
      <c r="K469" s="118" t="s">
        <v>408</v>
      </c>
      <c r="L469" s="93"/>
      <c r="M469" s="93"/>
      <c r="N469" s="93"/>
      <c r="O469" s="93"/>
      <c r="P469" s="22"/>
      <c r="Q469" s="22"/>
      <c r="R469" s="22"/>
    </row>
    <row r="470" spans="1:18" s="84" customFormat="1" ht="42.75" x14ac:dyDescent="0.15">
      <c r="A470" s="185"/>
      <c r="B470" s="88"/>
      <c r="C470" s="259" t="s">
        <v>509</v>
      </c>
      <c r="D470" s="266"/>
      <c r="E470" s="266"/>
      <c r="F470" s="266"/>
      <c r="G470" s="266"/>
      <c r="H470" s="267"/>
      <c r="I470" s="180" t="s">
        <v>510</v>
      </c>
      <c r="J470" s="105">
        <v>0</v>
      </c>
      <c r="K470" s="118" t="s">
        <v>408</v>
      </c>
      <c r="L470" s="93"/>
      <c r="M470" s="93"/>
      <c r="N470" s="93"/>
      <c r="O470" s="93"/>
      <c r="P470" s="22"/>
      <c r="Q470" s="22"/>
      <c r="R470" s="22"/>
    </row>
    <row r="471" spans="1:18" s="84" customFormat="1" ht="57" x14ac:dyDescent="0.15">
      <c r="A471" s="185"/>
      <c r="B471" s="88"/>
      <c r="C471" s="259" t="s">
        <v>512</v>
      </c>
      <c r="D471" s="266"/>
      <c r="E471" s="266"/>
      <c r="F471" s="266"/>
      <c r="G471" s="266"/>
      <c r="H471" s="267"/>
      <c r="I471" s="134" t="s">
        <v>513</v>
      </c>
      <c r="J471" s="105">
        <v>0</v>
      </c>
      <c r="K471" s="118" t="s">
        <v>408</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514</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4</v>
      </c>
      <c r="K477" s="72"/>
      <c r="L477" s="93"/>
      <c r="M477" s="93"/>
      <c r="N477" s="93"/>
      <c r="O477" s="93"/>
      <c r="P477" s="22"/>
      <c r="Q477" s="22"/>
      <c r="R477" s="22"/>
    </row>
    <row r="478" spans="1:18" x14ac:dyDescent="0.15">
      <c r="A478" s="185"/>
      <c r="B478" s="1"/>
      <c r="C478" s="66"/>
      <c r="D478" s="3"/>
      <c r="F478" s="3"/>
      <c r="G478" s="3"/>
      <c r="H478" s="67"/>
      <c r="I478" s="74" t="s">
        <v>67</v>
      </c>
      <c r="J478" s="75"/>
      <c r="K478" s="76"/>
      <c r="L478" s="93"/>
      <c r="M478" s="93"/>
      <c r="N478" s="93"/>
      <c r="O478" s="93"/>
      <c r="P478" s="22"/>
      <c r="Q478" s="22"/>
      <c r="R478" s="22"/>
    </row>
    <row r="479" spans="1:18" s="137" customFormat="1" ht="71.25" customHeight="1" x14ac:dyDescent="0.15">
      <c r="A479" s="185"/>
      <c r="B479" s="144"/>
      <c r="C479" s="257" t="s">
        <v>703</v>
      </c>
      <c r="D479" s="257"/>
      <c r="E479" s="257"/>
      <c r="F479" s="257"/>
      <c r="G479" s="257"/>
      <c r="H479" s="257"/>
      <c r="I479" s="372" t="s">
        <v>704</v>
      </c>
      <c r="J479" s="105">
        <v>0</v>
      </c>
      <c r="K479" s="118" t="s">
        <v>408</v>
      </c>
      <c r="L479" s="93"/>
      <c r="M479" s="93"/>
      <c r="N479" s="93"/>
      <c r="O479" s="93"/>
      <c r="P479" s="22"/>
      <c r="Q479" s="22"/>
      <c r="R479" s="22"/>
    </row>
    <row r="480" spans="1:18" s="137" customFormat="1" ht="71.25" customHeight="1" x14ac:dyDescent="0.15">
      <c r="A480" s="185"/>
      <c r="B480" s="144"/>
      <c r="C480" s="257" t="s">
        <v>705</v>
      </c>
      <c r="D480" s="257"/>
      <c r="E480" s="257"/>
      <c r="F480" s="257"/>
      <c r="G480" s="257"/>
      <c r="H480" s="257"/>
      <c r="I480" s="373"/>
      <c r="J480" s="105">
        <v>0</v>
      </c>
      <c r="K480" s="118" t="s">
        <v>408</v>
      </c>
      <c r="L480" s="93"/>
      <c r="M480" s="93"/>
      <c r="N480" s="93"/>
      <c r="O480" s="93"/>
      <c r="P480" s="22"/>
      <c r="Q480" s="22"/>
      <c r="R480" s="22"/>
    </row>
    <row r="481" spans="1:18" s="137" customFormat="1" ht="85.5" x14ac:dyDescent="0.15">
      <c r="A481" s="185"/>
      <c r="B481" s="144"/>
      <c r="C481" s="257" t="s">
        <v>526</v>
      </c>
      <c r="D481" s="257"/>
      <c r="E481" s="257"/>
      <c r="F481" s="257"/>
      <c r="G481" s="257"/>
      <c r="H481" s="257"/>
      <c r="I481" s="134" t="s">
        <v>706</v>
      </c>
      <c r="J481" s="105">
        <v>0</v>
      </c>
      <c r="K481" s="118" t="s">
        <v>408</v>
      </c>
      <c r="L481" s="93"/>
      <c r="M481" s="93"/>
      <c r="N481" s="93"/>
      <c r="O481" s="93"/>
      <c r="P481" s="22"/>
      <c r="Q481" s="22"/>
      <c r="R481" s="22"/>
    </row>
    <row r="482" spans="1:18" s="137" customFormat="1" ht="71.25" x14ac:dyDescent="0.15">
      <c r="A482" s="185"/>
      <c r="B482" s="107"/>
      <c r="C482" s="257" t="s">
        <v>707</v>
      </c>
      <c r="D482" s="258"/>
      <c r="E482" s="258"/>
      <c r="F482" s="258"/>
      <c r="G482" s="258"/>
      <c r="H482" s="258"/>
      <c r="I482" s="134" t="s">
        <v>533</v>
      </c>
      <c r="J482" s="105">
        <v>0</v>
      </c>
      <c r="K482" s="118" t="s">
        <v>408</v>
      </c>
      <c r="L482" s="93"/>
      <c r="M482" s="93"/>
      <c r="N482" s="93"/>
      <c r="O482" s="93"/>
      <c r="P482" s="22"/>
      <c r="Q482" s="22"/>
      <c r="R482" s="22"/>
    </row>
    <row r="483" spans="1:18" s="137" customFormat="1" ht="85.5" x14ac:dyDescent="0.15">
      <c r="A483" s="185"/>
      <c r="B483" s="107"/>
      <c r="C483" s="257" t="s">
        <v>535</v>
      </c>
      <c r="D483" s="258"/>
      <c r="E483" s="258"/>
      <c r="F483" s="258"/>
      <c r="G483" s="258"/>
      <c r="H483" s="258"/>
      <c r="I483" s="134" t="s">
        <v>536</v>
      </c>
      <c r="J483" s="105">
        <v>0</v>
      </c>
      <c r="K483" s="118" t="s">
        <v>408</v>
      </c>
      <c r="L483" s="93"/>
      <c r="M483" s="93"/>
      <c r="N483" s="93"/>
      <c r="O483" s="93"/>
      <c r="P483" s="22"/>
      <c r="Q483" s="22"/>
      <c r="R483" s="22"/>
    </row>
    <row r="484" spans="1:18" s="137" customFormat="1" ht="71.25" x14ac:dyDescent="0.15">
      <c r="A484" s="185"/>
      <c r="B484" s="107"/>
      <c r="C484" s="257" t="s">
        <v>708</v>
      </c>
      <c r="D484" s="258"/>
      <c r="E484" s="258"/>
      <c r="F484" s="258"/>
      <c r="G484" s="258"/>
      <c r="H484" s="258"/>
      <c r="I484" s="134" t="s">
        <v>539</v>
      </c>
      <c r="J484" s="105">
        <v>0</v>
      </c>
      <c r="K484" s="118" t="s">
        <v>408</v>
      </c>
      <c r="L484" s="93"/>
      <c r="M484" s="93"/>
      <c r="N484" s="93"/>
      <c r="O484" s="93"/>
      <c r="P484" s="22"/>
      <c r="Q484" s="22"/>
      <c r="R484" s="22"/>
    </row>
    <row r="485" spans="1:18" s="137" customFormat="1" ht="71.25" x14ac:dyDescent="0.15">
      <c r="A485" s="185"/>
      <c r="B485" s="107"/>
      <c r="C485" s="257" t="s">
        <v>541</v>
      </c>
      <c r="D485" s="258"/>
      <c r="E485" s="258"/>
      <c r="F485" s="258"/>
      <c r="G485" s="258"/>
      <c r="H485" s="258"/>
      <c r="I485" s="134" t="s">
        <v>542</v>
      </c>
      <c r="J485" s="105">
        <v>0</v>
      </c>
      <c r="K485" s="118" t="s">
        <v>408</v>
      </c>
      <c r="L485" s="93"/>
      <c r="M485" s="93"/>
      <c r="N485" s="93"/>
      <c r="O485" s="93"/>
      <c r="P485" s="22"/>
      <c r="Q485" s="22"/>
      <c r="R485" s="22"/>
    </row>
    <row r="486" spans="1:18" s="137" customFormat="1" ht="85.5" x14ac:dyDescent="0.15">
      <c r="A486" s="185"/>
      <c r="B486" s="107"/>
      <c r="C486" s="257" t="s">
        <v>544</v>
      </c>
      <c r="D486" s="258"/>
      <c r="E486" s="258"/>
      <c r="F486" s="258"/>
      <c r="G486" s="258"/>
      <c r="H486" s="258"/>
      <c r="I486" s="134" t="s">
        <v>545</v>
      </c>
      <c r="J486" s="105">
        <v>0</v>
      </c>
      <c r="K486" s="118" t="s">
        <v>408</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546</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4</v>
      </c>
      <c r="K492" s="72"/>
      <c r="L492" s="93"/>
      <c r="M492" s="93"/>
      <c r="N492" s="93"/>
      <c r="O492" s="93"/>
      <c r="P492" s="22"/>
      <c r="Q492" s="22"/>
      <c r="R492" s="22"/>
    </row>
    <row r="493" spans="1:18" x14ac:dyDescent="0.15">
      <c r="A493" s="185"/>
      <c r="B493" s="1"/>
      <c r="C493" s="66"/>
      <c r="D493" s="3"/>
      <c r="F493" s="3"/>
      <c r="G493" s="3"/>
      <c r="H493" s="67"/>
      <c r="I493" s="74" t="s">
        <v>67</v>
      </c>
      <c r="J493" s="75"/>
      <c r="K493" s="76"/>
      <c r="L493" s="93"/>
      <c r="M493" s="93"/>
      <c r="N493" s="93"/>
      <c r="O493" s="93"/>
      <c r="P493" s="22"/>
      <c r="Q493" s="22"/>
      <c r="R493" s="22"/>
    </row>
    <row r="494" spans="1:18" s="137" customFormat="1" ht="57" x14ac:dyDescent="0.15">
      <c r="A494" s="185"/>
      <c r="B494" s="144"/>
      <c r="C494" s="259" t="s">
        <v>548</v>
      </c>
      <c r="D494" s="260"/>
      <c r="E494" s="260"/>
      <c r="F494" s="260"/>
      <c r="G494" s="260"/>
      <c r="H494" s="261"/>
      <c r="I494" s="134" t="s">
        <v>549</v>
      </c>
      <c r="J494" s="105">
        <v>0</v>
      </c>
      <c r="K494" s="118" t="s">
        <v>408</v>
      </c>
      <c r="L494" s="93"/>
      <c r="M494" s="93"/>
      <c r="N494" s="93"/>
      <c r="O494" s="93"/>
      <c r="P494" s="22"/>
      <c r="Q494" s="22"/>
      <c r="R494" s="22"/>
    </row>
    <row r="495" spans="1:18" s="137" customFormat="1" ht="57" x14ac:dyDescent="0.15">
      <c r="A495" s="185"/>
      <c r="B495" s="107"/>
      <c r="C495" s="259" t="s">
        <v>551</v>
      </c>
      <c r="D495" s="266"/>
      <c r="E495" s="266"/>
      <c r="F495" s="266"/>
      <c r="G495" s="266"/>
      <c r="H495" s="267"/>
      <c r="I495" s="134" t="s">
        <v>552</v>
      </c>
      <c r="J495" s="105">
        <v>0</v>
      </c>
      <c r="K495" s="118" t="s">
        <v>408</v>
      </c>
      <c r="L495" s="93"/>
      <c r="M495" s="93"/>
      <c r="N495" s="93"/>
      <c r="O495" s="93"/>
      <c r="P495" s="22"/>
      <c r="Q495" s="22"/>
      <c r="R495" s="22"/>
    </row>
    <row r="496" spans="1:18" s="137" customFormat="1" ht="57" x14ac:dyDescent="0.15">
      <c r="A496" s="185"/>
      <c r="B496" s="107"/>
      <c r="C496" s="259" t="s">
        <v>554</v>
      </c>
      <c r="D496" s="266"/>
      <c r="E496" s="266"/>
      <c r="F496" s="266"/>
      <c r="G496" s="266"/>
      <c r="H496" s="267"/>
      <c r="I496" s="134" t="s">
        <v>555</v>
      </c>
      <c r="J496" s="105">
        <v>0</v>
      </c>
      <c r="K496" s="118" t="s">
        <v>408</v>
      </c>
      <c r="L496" s="93"/>
      <c r="M496" s="93"/>
      <c r="N496" s="93"/>
      <c r="O496" s="93"/>
      <c r="P496" s="22"/>
      <c r="Q496" s="22"/>
      <c r="R496" s="22"/>
    </row>
    <row r="497" spans="1:18" s="137" customFormat="1" ht="57" x14ac:dyDescent="0.15">
      <c r="A497" s="185"/>
      <c r="B497" s="107"/>
      <c r="C497" s="259" t="s">
        <v>709</v>
      </c>
      <c r="D497" s="266"/>
      <c r="E497" s="266"/>
      <c r="F497" s="266"/>
      <c r="G497" s="266"/>
      <c r="H497" s="267"/>
      <c r="I497" s="134" t="s">
        <v>558</v>
      </c>
      <c r="J497" s="105">
        <v>0</v>
      </c>
      <c r="K497" s="118" t="s">
        <v>408</v>
      </c>
      <c r="L497" s="93"/>
      <c r="M497" s="93"/>
      <c r="N497" s="93"/>
      <c r="O497" s="93"/>
      <c r="P497" s="22"/>
      <c r="Q497" s="22"/>
      <c r="R497" s="22"/>
    </row>
    <row r="498" spans="1:18" s="137" customFormat="1" ht="85.5" x14ac:dyDescent="0.15">
      <c r="A498" s="185"/>
      <c r="B498" s="107"/>
      <c r="C498" s="259" t="s">
        <v>560</v>
      </c>
      <c r="D498" s="266"/>
      <c r="E498" s="266"/>
      <c r="F498" s="266"/>
      <c r="G498" s="266"/>
      <c r="H498" s="267"/>
      <c r="I498" s="134" t="s">
        <v>561</v>
      </c>
      <c r="J498" s="105">
        <v>0</v>
      </c>
      <c r="K498" s="118" t="s">
        <v>408</v>
      </c>
      <c r="L498" s="93"/>
      <c r="M498" s="93"/>
      <c r="N498" s="93"/>
      <c r="O498" s="93"/>
      <c r="P498" s="22"/>
      <c r="Q498" s="22"/>
      <c r="R498" s="22"/>
    </row>
    <row r="499" spans="1:18" s="137" customFormat="1" ht="71.25" x14ac:dyDescent="0.15">
      <c r="A499" s="185"/>
      <c r="B499" s="107"/>
      <c r="C499" s="259" t="s">
        <v>563</v>
      </c>
      <c r="D499" s="266"/>
      <c r="E499" s="266"/>
      <c r="F499" s="266"/>
      <c r="G499" s="266"/>
      <c r="H499" s="267"/>
      <c r="I499" s="134" t="s">
        <v>564</v>
      </c>
      <c r="J499" s="105">
        <v>0</v>
      </c>
      <c r="K499" s="118" t="s">
        <v>408</v>
      </c>
      <c r="L499" s="93"/>
      <c r="M499" s="93"/>
      <c r="N499" s="93"/>
      <c r="O499" s="93"/>
      <c r="P499" s="22"/>
      <c r="Q499" s="22"/>
      <c r="R499" s="22"/>
    </row>
    <row r="500" spans="1:18" s="137" customFormat="1" ht="99.75" x14ac:dyDescent="0.15">
      <c r="A500" s="185"/>
      <c r="B500" s="107"/>
      <c r="C500" s="259" t="s">
        <v>566</v>
      </c>
      <c r="D500" s="266"/>
      <c r="E500" s="266"/>
      <c r="F500" s="266"/>
      <c r="G500" s="266"/>
      <c r="H500" s="267"/>
      <c r="I500" s="134" t="s">
        <v>567</v>
      </c>
      <c r="J500" s="105">
        <v>0</v>
      </c>
      <c r="K500" s="118" t="s">
        <v>408</v>
      </c>
      <c r="L500" s="93"/>
      <c r="M500" s="93"/>
      <c r="N500" s="93"/>
      <c r="O500" s="93"/>
      <c r="P500" s="22"/>
      <c r="Q500" s="22"/>
      <c r="R500" s="22"/>
    </row>
    <row r="501" spans="1:18" s="137" customFormat="1" ht="71.25" x14ac:dyDescent="0.15">
      <c r="A501" s="185"/>
      <c r="B501" s="107"/>
      <c r="C501" s="259" t="s">
        <v>710</v>
      </c>
      <c r="D501" s="266"/>
      <c r="E501" s="266"/>
      <c r="F501" s="266"/>
      <c r="G501" s="266"/>
      <c r="H501" s="267"/>
      <c r="I501" s="134" t="s">
        <v>570</v>
      </c>
      <c r="J501" s="105">
        <v>0</v>
      </c>
      <c r="K501" s="118" t="s">
        <v>408</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571</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4</v>
      </c>
      <c r="K507" s="72"/>
      <c r="L507" s="93"/>
      <c r="M507" s="93"/>
      <c r="N507" s="93"/>
      <c r="O507" s="93"/>
      <c r="P507" s="22"/>
      <c r="Q507" s="22"/>
      <c r="R507" s="22"/>
    </row>
    <row r="508" spans="1:18" x14ac:dyDescent="0.15">
      <c r="A508" s="185"/>
      <c r="B508" s="1"/>
      <c r="C508" s="66"/>
      <c r="D508" s="3"/>
      <c r="F508" s="3"/>
      <c r="G508" s="3"/>
      <c r="H508" s="67"/>
      <c r="I508" s="74" t="s">
        <v>67</v>
      </c>
      <c r="J508" s="75"/>
      <c r="K508" s="76"/>
      <c r="L508" s="93"/>
      <c r="M508" s="93"/>
      <c r="N508" s="93"/>
      <c r="O508" s="93"/>
      <c r="P508" s="22"/>
      <c r="Q508" s="22"/>
      <c r="R508" s="22"/>
    </row>
    <row r="509" spans="1:18" s="137" customFormat="1" ht="42.75" x14ac:dyDescent="0.15">
      <c r="A509" s="185"/>
      <c r="B509" s="144"/>
      <c r="C509" s="276" t="s">
        <v>573</v>
      </c>
      <c r="D509" s="281"/>
      <c r="E509" s="281"/>
      <c r="F509" s="281"/>
      <c r="G509" s="281"/>
      <c r="H509" s="286"/>
      <c r="I509" s="134" t="s">
        <v>574</v>
      </c>
      <c r="J509" s="105">
        <v>0</v>
      </c>
      <c r="K509" s="118" t="s">
        <v>408</v>
      </c>
      <c r="L509" s="93"/>
      <c r="M509" s="93"/>
      <c r="N509" s="93"/>
      <c r="O509" s="93"/>
      <c r="P509" s="22"/>
      <c r="Q509" s="22"/>
      <c r="R509" s="22"/>
    </row>
    <row r="510" spans="1:18" s="137" customFormat="1" ht="71.25" x14ac:dyDescent="0.15">
      <c r="A510" s="185"/>
      <c r="B510" s="88"/>
      <c r="C510" s="162"/>
      <c r="D510" s="181"/>
      <c r="E510" s="259" t="s">
        <v>711</v>
      </c>
      <c r="F510" s="266"/>
      <c r="G510" s="266"/>
      <c r="H510" s="267"/>
      <c r="I510" s="134" t="s">
        <v>577</v>
      </c>
      <c r="J510" s="105">
        <v>0</v>
      </c>
      <c r="K510" s="118" t="s">
        <v>408</v>
      </c>
      <c r="L510" s="93"/>
      <c r="M510" s="93"/>
      <c r="N510" s="93"/>
      <c r="O510" s="93"/>
      <c r="P510" s="22"/>
      <c r="Q510" s="22"/>
      <c r="R510" s="22"/>
    </row>
    <row r="511" spans="1:18" s="137" customFormat="1" ht="71.25" x14ac:dyDescent="0.15">
      <c r="A511" s="185"/>
      <c r="B511" s="88"/>
      <c r="C511" s="162"/>
      <c r="D511" s="181"/>
      <c r="E511" s="259" t="s">
        <v>712</v>
      </c>
      <c r="F511" s="266"/>
      <c r="G511" s="266"/>
      <c r="H511" s="267"/>
      <c r="I511" s="134" t="s">
        <v>580</v>
      </c>
      <c r="J511" s="105">
        <v>0</v>
      </c>
      <c r="K511" s="118" t="s">
        <v>408</v>
      </c>
      <c r="L511" s="93"/>
      <c r="M511" s="93"/>
      <c r="N511" s="93"/>
      <c r="O511" s="93"/>
      <c r="P511" s="22"/>
      <c r="Q511" s="22"/>
      <c r="R511" s="22"/>
    </row>
    <row r="512" spans="1:18" s="137" customFormat="1" ht="57" x14ac:dyDescent="0.15">
      <c r="A512" s="185"/>
      <c r="B512" s="88"/>
      <c r="C512" s="162"/>
      <c r="D512" s="181"/>
      <c r="E512" s="259" t="s">
        <v>713</v>
      </c>
      <c r="F512" s="266"/>
      <c r="G512" s="266"/>
      <c r="H512" s="267"/>
      <c r="I512" s="134" t="s">
        <v>583</v>
      </c>
      <c r="J512" s="105">
        <v>0</v>
      </c>
      <c r="K512" s="118" t="s">
        <v>408</v>
      </c>
      <c r="L512" s="93"/>
      <c r="M512" s="93"/>
      <c r="N512" s="93"/>
      <c r="O512" s="93"/>
      <c r="P512" s="22"/>
      <c r="Q512" s="22"/>
      <c r="R512" s="22"/>
    </row>
    <row r="513" spans="1:18" s="137" customFormat="1" ht="71.25" x14ac:dyDescent="0.15">
      <c r="A513" s="185"/>
      <c r="B513" s="88"/>
      <c r="C513" s="97"/>
      <c r="D513" s="98"/>
      <c r="E513" s="259" t="s">
        <v>714</v>
      </c>
      <c r="F513" s="266"/>
      <c r="G513" s="266"/>
      <c r="H513" s="267"/>
      <c r="I513" s="134" t="s">
        <v>586</v>
      </c>
      <c r="J513" s="105">
        <v>0</v>
      </c>
      <c r="K513" s="118" t="s">
        <v>408</v>
      </c>
      <c r="L513" s="93"/>
      <c r="M513" s="93"/>
      <c r="N513" s="93"/>
      <c r="O513" s="93"/>
      <c r="P513" s="22"/>
      <c r="Q513" s="22"/>
      <c r="R513" s="22"/>
    </row>
    <row r="514" spans="1:18" s="137" customFormat="1" ht="57" x14ac:dyDescent="0.15">
      <c r="A514" s="185"/>
      <c r="B514" s="88"/>
      <c r="C514" s="162"/>
      <c r="D514" s="181"/>
      <c r="E514" s="259" t="s">
        <v>715</v>
      </c>
      <c r="F514" s="266"/>
      <c r="G514" s="266"/>
      <c r="H514" s="267"/>
      <c r="I514" s="134" t="s">
        <v>589</v>
      </c>
      <c r="J514" s="105">
        <v>0</v>
      </c>
      <c r="K514" s="118" t="s">
        <v>408</v>
      </c>
      <c r="L514" s="93"/>
      <c r="M514" s="93"/>
      <c r="N514" s="93"/>
      <c r="O514" s="93"/>
      <c r="P514" s="22"/>
      <c r="Q514" s="22"/>
      <c r="R514" s="22"/>
    </row>
    <row r="515" spans="1:18" s="137" customFormat="1" ht="57" x14ac:dyDescent="0.15">
      <c r="A515" s="185"/>
      <c r="B515" s="88"/>
      <c r="C515" s="162"/>
      <c r="D515" s="181"/>
      <c r="E515" s="259" t="s">
        <v>716</v>
      </c>
      <c r="F515" s="266"/>
      <c r="G515" s="266"/>
      <c r="H515" s="267"/>
      <c r="I515" s="134" t="s">
        <v>592</v>
      </c>
      <c r="J515" s="105">
        <v>0</v>
      </c>
      <c r="K515" s="118" t="s">
        <v>408</v>
      </c>
      <c r="L515" s="93"/>
      <c r="M515" s="93"/>
      <c r="N515" s="93"/>
      <c r="O515" s="93"/>
      <c r="P515" s="22"/>
      <c r="Q515" s="22"/>
      <c r="R515" s="22"/>
    </row>
    <row r="516" spans="1:18" s="137" customFormat="1" ht="57" x14ac:dyDescent="0.15">
      <c r="A516" s="185"/>
      <c r="B516" s="88"/>
      <c r="C516" s="162"/>
      <c r="D516" s="181"/>
      <c r="E516" s="259" t="s">
        <v>717</v>
      </c>
      <c r="F516" s="266"/>
      <c r="G516" s="266"/>
      <c r="H516" s="267"/>
      <c r="I516" s="134" t="s">
        <v>595</v>
      </c>
      <c r="J516" s="105">
        <v>0</v>
      </c>
      <c r="K516" s="118" t="s">
        <v>408</v>
      </c>
      <c r="L516" s="93"/>
      <c r="M516" s="93"/>
      <c r="N516" s="93"/>
      <c r="O516" s="93"/>
      <c r="P516" s="22"/>
      <c r="Q516" s="22"/>
      <c r="R516" s="22"/>
    </row>
    <row r="517" spans="1:18" s="137" customFormat="1" ht="57" x14ac:dyDescent="0.15">
      <c r="A517" s="185"/>
      <c r="B517" s="88"/>
      <c r="C517" s="164"/>
      <c r="D517" s="182"/>
      <c r="E517" s="259" t="s">
        <v>718</v>
      </c>
      <c r="F517" s="266"/>
      <c r="G517" s="266"/>
      <c r="H517" s="267"/>
      <c r="I517" s="134" t="s">
        <v>598</v>
      </c>
      <c r="J517" s="105">
        <v>0</v>
      </c>
      <c r="K517" s="118" t="s">
        <v>408</v>
      </c>
      <c r="L517" s="93"/>
      <c r="M517" s="93"/>
      <c r="N517" s="93"/>
      <c r="O517" s="93"/>
      <c r="P517" s="22"/>
      <c r="Q517" s="22"/>
      <c r="R517" s="22"/>
    </row>
    <row r="518" spans="1:18" s="137" customFormat="1" ht="57" x14ac:dyDescent="0.15">
      <c r="A518" s="185"/>
      <c r="B518" s="88"/>
      <c r="C518" s="257" t="s">
        <v>719</v>
      </c>
      <c r="D518" s="258"/>
      <c r="E518" s="258"/>
      <c r="F518" s="258"/>
      <c r="G518" s="258"/>
      <c r="H518" s="258"/>
      <c r="I518" s="134" t="s">
        <v>601</v>
      </c>
      <c r="J518" s="105">
        <v>0</v>
      </c>
      <c r="K518" s="118" t="s">
        <v>408</v>
      </c>
      <c r="L518" s="93"/>
      <c r="M518" s="93"/>
      <c r="N518" s="93"/>
      <c r="O518" s="93"/>
      <c r="P518" s="22"/>
      <c r="Q518" s="22"/>
      <c r="R518" s="22"/>
    </row>
    <row r="519" spans="1:18" s="137" customFormat="1" ht="57" x14ac:dyDescent="0.15">
      <c r="A519" s="185"/>
      <c r="B519" s="88"/>
      <c r="C519" s="257" t="s">
        <v>606</v>
      </c>
      <c r="D519" s="258"/>
      <c r="E519" s="258"/>
      <c r="F519" s="258"/>
      <c r="G519" s="258"/>
      <c r="H519" s="258"/>
      <c r="I519" s="134" t="s">
        <v>607</v>
      </c>
      <c r="J519" s="105">
        <v>0</v>
      </c>
      <c r="K519" s="118" t="s">
        <v>408</v>
      </c>
      <c r="L519" s="93"/>
      <c r="M519" s="93"/>
      <c r="N519" s="93"/>
      <c r="O519" s="93"/>
      <c r="P519" s="22"/>
      <c r="Q519" s="22"/>
      <c r="R519" s="22"/>
    </row>
    <row r="520" spans="1:18" s="137" customFormat="1" ht="57" x14ac:dyDescent="0.15">
      <c r="A520" s="185"/>
      <c r="B520" s="88"/>
      <c r="C520" s="257" t="s">
        <v>609</v>
      </c>
      <c r="D520" s="258"/>
      <c r="E520" s="258"/>
      <c r="F520" s="258"/>
      <c r="G520" s="258"/>
      <c r="H520" s="258"/>
      <c r="I520" s="134" t="s">
        <v>610</v>
      </c>
      <c r="J520" s="105">
        <v>0</v>
      </c>
      <c r="K520" s="118" t="s">
        <v>408</v>
      </c>
      <c r="L520" s="93"/>
      <c r="M520" s="93"/>
      <c r="N520" s="93"/>
      <c r="O520" s="93"/>
      <c r="P520" s="22"/>
      <c r="Q520" s="22"/>
      <c r="R520" s="22"/>
    </row>
    <row r="521" spans="1:18" s="137" customFormat="1" ht="57" x14ac:dyDescent="0.15">
      <c r="A521" s="185"/>
      <c r="B521" s="88"/>
      <c r="C521" s="257" t="s">
        <v>720</v>
      </c>
      <c r="D521" s="258"/>
      <c r="E521" s="258"/>
      <c r="F521" s="258"/>
      <c r="G521" s="258"/>
      <c r="H521" s="258"/>
      <c r="I521" s="134" t="s">
        <v>721</v>
      </c>
      <c r="J521" s="105">
        <v>0</v>
      </c>
      <c r="K521" s="118" t="s">
        <v>408</v>
      </c>
      <c r="L521" s="93"/>
      <c r="M521" s="93"/>
      <c r="N521" s="93"/>
      <c r="O521" s="93"/>
      <c r="P521" s="22"/>
      <c r="Q521" s="22"/>
      <c r="R521" s="22"/>
    </row>
    <row r="522" spans="1:18" s="137" customFormat="1" ht="57" x14ac:dyDescent="0.15">
      <c r="A522" s="185"/>
      <c r="B522" s="88"/>
      <c r="C522" s="257" t="s">
        <v>722</v>
      </c>
      <c r="D522" s="258"/>
      <c r="E522" s="258"/>
      <c r="F522" s="258"/>
      <c r="G522" s="258"/>
      <c r="H522" s="258"/>
      <c r="I522" s="134" t="s">
        <v>613</v>
      </c>
      <c r="J522" s="105">
        <v>0</v>
      </c>
      <c r="K522" s="118" t="s">
        <v>408</v>
      </c>
      <c r="L522" s="93"/>
      <c r="M522" s="93"/>
      <c r="N522" s="93"/>
      <c r="O522" s="93"/>
      <c r="P522" s="22"/>
      <c r="Q522" s="22"/>
      <c r="R522" s="22"/>
    </row>
    <row r="523" spans="1:18" s="137" customFormat="1" ht="71.25" x14ac:dyDescent="0.15">
      <c r="A523" s="185"/>
      <c r="B523" s="88"/>
      <c r="C523" s="257" t="s">
        <v>723</v>
      </c>
      <c r="D523" s="258"/>
      <c r="E523" s="258"/>
      <c r="F523" s="258"/>
      <c r="G523" s="258"/>
      <c r="H523" s="258"/>
      <c r="I523" s="134" t="s">
        <v>616</v>
      </c>
      <c r="J523" s="105">
        <v>0</v>
      </c>
      <c r="K523" s="118" t="s">
        <v>408</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4</v>
      </c>
      <c r="K528" s="72"/>
      <c r="L528" s="93"/>
      <c r="M528" s="93"/>
      <c r="N528" s="93"/>
      <c r="O528" s="93"/>
      <c r="P528" s="22"/>
      <c r="Q528" s="22"/>
      <c r="R528" s="22"/>
    </row>
    <row r="529" spans="1:18" x14ac:dyDescent="0.15">
      <c r="A529" s="185"/>
      <c r="B529" s="1"/>
      <c r="C529" s="66"/>
      <c r="D529" s="3"/>
      <c r="F529" s="3"/>
      <c r="G529" s="3"/>
      <c r="H529" s="67"/>
      <c r="I529" s="74" t="s">
        <v>67</v>
      </c>
      <c r="J529" s="75"/>
      <c r="K529" s="76"/>
      <c r="L529" s="93"/>
      <c r="M529" s="93"/>
      <c r="N529" s="93"/>
      <c r="O529" s="93"/>
      <c r="P529" s="22"/>
      <c r="Q529" s="22"/>
      <c r="R529" s="22"/>
    </row>
    <row r="530" spans="1:18" s="81" customFormat="1" ht="57" x14ac:dyDescent="0.15">
      <c r="A530" s="185"/>
      <c r="B530" s="88"/>
      <c r="C530" s="273" t="s">
        <v>618</v>
      </c>
      <c r="D530" s="274"/>
      <c r="E530" s="274"/>
      <c r="F530" s="274"/>
      <c r="G530" s="274"/>
      <c r="H530" s="275"/>
      <c r="I530" s="110" t="s">
        <v>619</v>
      </c>
      <c r="J530" s="159">
        <v>0</v>
      </c>
      <c r="K530" s="118" t="s">
        <v>408</v>
      </c>
      <c r="L530" s="93"/>
      <c r="M530" s="93"/>
      <c r="N530" s="93"/>
      <c r="O530" s="93"/>
      <c r="P530" s="22"/>
      <c r="Q530" s="22"/>
      <c r="R530" s="22"/>
    </row>
    <row r="531" spans="1:18" s="81" customFormat="1" ht="57" x14ac:dyDescent="0.15">
      <c r="A531" s="185"/>
      <c r="B531" s="88"/>
      <c r="C531" s="257" t="s">
        <v>621</v>
      </c>
      <c r="D531" s="258"/>
      <c r="E531" s="258"/>
      <c r="F531" s="258"/>
      <c r="G531" s="258"/>
      <c r="H531" s="258"/>
      <c r="I531" s="110" t="s">
        <v>622</v>
      </c>
      <c r="J531" s="183">
        <v>0</v>
      </c>
      <c r="K531" s="118" t="s">
        <v>408</v>
      </c>
      <c r="L531" s="93"/>
      <c r="M531" s="93"/>
      <c r="N531" s="93"/>
      <c r="O531" s="93"/>
      <c r="P531" s="22"/>
      <c r="Q531" s="22"/>
      <c r="R531" s="22"/>
    </row>
    <row r="532" spans="1:18" s="81" customFormat="1" ht="35.1" customHeight="1" x14ac:dyDescent="0.15">
      <c r="A532" s="185"/>
      <c r="B532" s="88"/>
      <c r="C532" s="276" t="s">
        <v>624</v>
      </c>
      <c r="D532" s="277"/>
      <c r="E532" s="277"/>
      <c r="F532" s="277"/>
      <c r="G532" s="277"/>
      <c r="H532" s="278"/>
      <c r="I532" s="292" t="s">
        <v>724</v>
      </c>
      <c r="J532" s="117" t="s">
        <v>29</v>
      </c>
      <c r="K532" s="118" t="s">
        <v>408</v>
      </c>
      <c r="L532" s="93"/>
      <c r="M532" s="93"/>
      <c r="N532" s="93"/>
      <c r="O532" s="93"/>
      <c r="P532" s="22"/>
      <c r="Q532" s="22"/>
      <c r="R532" s="22"/>
    </row>
    <row r="533" spans="1:18" s="81" customFormat="1" ht="35.1" customHeight="1" x14ac:dyDescent="0.15">
      <c r="A533" s="185"/>
      <c r="B533" s="88"/>
      <c r="C533" s="162"/>
      <c r="D533" s="181"/>
      <c r="E533" s="276" t="s">
        <v>627</v>
      </c>
      <c r="F533" s="281"/>
      <c r="G533" s="260"/>
      <c r="H533" s="261"/>
      <c r="I533" s="302"/>
      <c r="J533" s="117" t="s">
        <v>29</v>
      </c>
      <c r="K533" s="118" t="s">
        <v>408</v>
      </c>
      <c r="L533" s="93"/>
      <c r="M533" s="93"/>
      <c r="N533" s="93"/>
      <c r="O533" s="93"/>
      <c r="P533" s="22"/>
      <c r="Q533" s="22"/>
      <c r="R533" s="22"/>
    </row>
    <row r="534" spans="1:18" s="81" customFormat="1" ht="53.25" customHeight="1" x14ac:dyDescent="0.15">
      <c r="A534" s="185"/>
      <c r="B534" s="88"/>
      <c r="C534" s="164"/>
      <c r="D534" s="184"/>
      <c r="E534" s="282"/>
      <c r="F534" s="283"/>
      <c r="G534" s="376" t="s">
        <v>629</v>
      </c>
      <c r="H534" s="377"/>
      <c r="I534" s="293"/>
      <c r="J534" s="117" t="s">
        <v>29</v>
      </c>
      <c r="K534" s="118" t="s">
        <v>408</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630</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4</v>
      </c>
      <c r="K540" s="72"/>
      <c r="L540" s="93"/>
      <c r="M540" s="93"/>
      <c r="N540" s="93"/>
      <c r="O540" s="93"/>
      <c r="P540" s="22"/>
      <c r="Q540" s="22"/>
      <c r="R540" s="22"/>
    </row>
    <row r="541" spans="1:18" x14ac:dyDescent="0.15">
      <c r="A541" s="185"/>
      <c r="B541" s="1"/>
      <c r="C541" s="66"/>
      <c r="D541" s="3"/>
      <c r="F541" s="3"/>
      <c r="G541" s="3"/>
      <c r="H541" s="67"/>
      <c r="I541" s="74" t="s">
        <v>67</v>
      </c>
      <c r="J541" s="75"/>
      <c r="K541" s="76"/>
      <c r="L541" s="93"/>
      <c r="M541" s="93"/>
      <c r="N541" s="93"/>
      <c r="O541" s="93"/>
      <c r="P541" s="22"/>
      <c r="Q541" s="22"/>
      <c r="R541" s="22"/>
    </row>
    <row r="542" spans="1:18" s="81" customFormat="1" ht="57" x14ac:dyDescent="0.15">
      <c r="A542" s="185"/>
      <c r="B542" s="1"/>
      <c r="C542" s="259" t="s">
        <v>725</v>
      </c>
      <c r="D542" s="260"/>
      <c r="E542" s="260"/>
      <c r="F542" s="260"/>
      <c r="G542" s="260"/>
      <c r="H542" s="261"/>
      <c r="I542" s="134" t="s">
        <v>726</v>
      </c>
      <c r="J542" s="105" t="s">
        <v>29</v>
      </c>
      <c r="K542" s="118" t="s">
        <v>408</v>
      </c>
      <c r="L542" s="93"/>
      <c r="M542" s="93"/>
      <c r="N542" s="93"/>
      <c r="O542" s="93"/>
      <c r="P542" s="22"/>
      <c r="Q542" s="22"/>
      <c r="R542" s="22"/>
    </row>
    <row r="543" spans="1:18" s="137" customFormat="1" ht="99.75" x14ac:dyDescent="0.15">
      <c r="A543" s="185"/>
      <c r="B543" s="107"/>
      <c r="C543" s="259" t="s">
        <v>727</v>
      </c>
      <c r="D543" s="266"/>
      <c r="E543" s="266"/>
      <c r="F543" s="266"/>
      <c r="G543" s="266"/>
      <c r="H543" s="267"/>
      <c r="I543" s="134" t="s">
        <v>728</v>
      </c>
      <c r="J543" s="105">
        <v>0</v>
      </c>
      <c r="K543" s="118" t="s">
        <v>408</v>
      </c>
      <c r="L543" s="93"/>
      <c r="M543" s="93"/>
      <c r="N543" s="93"/>
      <c r="O543" s="93"/>
      <c r="P543" s="22"/>
      <c r="Q543" s="22"/>
      <c r="R543" s="22"/>
    </row>
    <row r="544" spans="1:18" s="137" customFormat="1" ht="42.75" x14ac:dyDescent="0.15">
      <c r="A544" s="185"/>
      <c r="B544" s="107"/>
      <c r="C544" s="259" t="s">
        <v>635</v>
      </c>
      <c r="D544" s="266"/>
      <c r="E544" s="266"/>
      <c r="F544" s="266"/>
      <c r="G544" s="266"/>
      <c r="H544" s="267"/>
      <c r="I544" s="134" t="s">
        <v>636</v>
      </c>
      <c r="J544" s="105">
        <v>0</v>
      </c>
      <c r="K544" s="118" t="s">
        <v>408</v>
      </c>
      <c r="L544" s="93"/>
      <c r="M544" s="93"/>
      <c r="N544" s="93"/>
      <c r="O544" s="93"/>
      <c r="P544" s="22"/>
      <c r="Q544" s="22"/>
      <c r="R544" s="22"/>
    </row>
    <row r="545" spans="1:18" s="137" customFormat="1" ht="85.5" x14ac:dyDescent="0.15">
      <c r="A545" s="185"/>
      <c r="B545" s="107"/>
      <c r="C545" s="259" t="s">
        <v>638</v>
      </c>
      <c r="D545" s="266"/>
      <c r="E545" s="266"/>
      <c r="F545" s="266"/>
      <c r="G545" s="266"/>
      <c r="H545" s="267"/>
      <c r="I545" s="134" t="s">
        <v>639</v>
      </c>
      <c r="J545" s="105">
        <v>0</v>
      </c>
      <c r="K545" s="118" t="s">
        <v>408</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640</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4</v>
      </c>
      <c r="K551" s="72"/>
      <c r="L551" s="93"/>
      <c r="M551" s="93"/>
      <c r="N551" s="93"/>
      <c r="O551" s="93"/>
      <c r="P551" s="22"/>
      <c r="Q551" s="22"/>
      <c r="R551" s="22"/>
    </row>
    <row r="552" spans="1:18" x14ac:dyDescent="0.15">
      <c r="A552" s="185"/>
      <c r="B552" s="1"/>
      <c r="C552" s="66"/>
      <c r="D552" s="3"/>
      <c r="F552" s="3"/>
      <c r="G552" s="3"/>
      <c r="H552" s="67"/>
      <c r="I552" s="74" t="s">
        <v>67</v>
      </c>
      <c r="J552" s="75"/>
      <c r="K552" s="76"/>
      <c r="L552" s="93"/>
      <c r="M552" s="93"/>
      <c r="N552" s="93"/>
      <c r="O552" s="93"/>
      <c r="P552" s="22"/>
      <c r="Q552" s="22"/>
      <c r="R552" s="22"/>
    </row>
    <row r="553" spans="1:18" s="137" customFormat="1" ht="42.75" x14ac:dyDescent="0.15">
      <c r="A553" s="185"/>
      <c r="B553" s="144"/>
      <c r="C553" s="259" t="s">
        <v>642</v>
      </c>
      <c r="D553" s="260"/>
      <c r="E553" s="260"/>
      <c r="F553" s="260"/>
      <c r="G553" s="260"/>
      <c r="H553" s="261"/>
      <c r="I553" s="134" t="s">
        <v>643</v>
      </c>
      <c r="J553" s="105">
        <v>0</v>
      </c>
      <c r="K553" s="118" t="s">
        <v>408</v>
      </c>
      <c r="L553" s="93"/>
      <c r="M553" s="93"/>
      <c r="N553" s="93"/>
      <c r="O553" s="93"/>
      <c r="P553" s="22"/>
      <c r="Q553" s="22"/>
      <c r="R553" s="22"/>
    </row>
    <row r="554" spans="1:18" s="137" customFormat="1" ht="57" x14ac:dyDescent="0.15">
      <c r="A554" s="185"/>
      <c r="B554" s="107"/>
      <c r="C554" s="259" t="s">
        <v>645</v>
      </c>
      <c r="D554" s="266"/>
      <c r="E554" s="266"/>
      <c r="F554" s="266"/>
      <c r="G554" s="266"/>
      <c r="H554" s="267"/>
      <c r="I554" s="134" t="s">
        <v>646</v>
      </c>
      <c r="J554" s="105">
        <v>0</v>
      </c>
      <c r="K554" s="118" t="s">
        <v>408</v>
      </c>
      <c r="L554" s="93"/>
      <c r="M554" s="93"/>
      <c r="N554" s="93"/>
      <c r="O554" s="93"/>
      <c r="P554" s="22"/>
      <c r="Q554" s="22"/>
      <c r="R554" s="22"/>
    </row>
    <row r="555" spans="1:18" s="137" customFormat="1" ht="71.25" x14ac:dyDescent="0.15">
      <c r="A555" s="185"/>
      <c r="B555" s="107"/>
      <c r="C555" s="259" t="s">
        <v>729</v>
      </c>
      <c r="D555" s="266"/>
      <c r="E555" s="266"/>
      <c r="F555" s="266"/>
      <c r="G555" s="266"/>
      <c r="H555" s="267"/>
      <c r="I555" s="134" t="s">
        <v>649</v>
      </c>
      <c r="J555" s="105">
        <v>0</v>
      </c>
      <c r="K555" s="118" t="s">
        <v>408</v>
      </c>
      <c r="L555" s="93"/>
      <c r="M555" s="93"/>
      <c r="N555" s="93"/>
      <c r="O555" s="93"/>
      <c r="P555" s="22"/>
      <c r="Q555" s="22"/>
      <c r="R555" s="22"/>
    </row>
    <row r="556" spans="1:18" s="137" customFormat="1" ht="57" x14ac:dyDescent="0.15">
      <c r="A556" s="185"/>
      <c r="B556" s="107"/>
      <c r="C556" s="259" t="s">
        <v>730</v>
      </c>
      <c r="D556" s="266"/>
      <c r="E556" s="266"/>
      <c r="F556" s="266"/>
      <c r="G556" s="266"/>
      <c r="H556" s="267"/>
      <c r="I556" s="134" t="s">
        <v>731</v>
      </c>
      <c r="J556" s="105">
        <v>0</v>
      </c>
      <c r="K556" s="118" t="s">
        <v>408</v>
      </c>
      <c r="L556" s="93"/>
      <c r="M556" s="93"/>
      <c r="N556" s="93"/>
      <c r="O556" s="93"/>
      <c r="P556" s="22"/>
      <c r="Q556" s="22"/>
      <c r="R556" s="22"/>
    </row>
    <row r="557" spans="1:18" s="137" customFormat="1" ht="71.25" x14ac:dyDescent="0.15">
      <c r="A557" s="185"/>
      <c r="B557" s="107"/>
      <c r="C557" s="259" t="s">
        <v>651</v>
      </c>
      <c r="D557" s="266"/>
      <c r="E557" s="266"/>
      <c r="F557" s="266"/>
      <c r="G557" s="266"/>
      <c r="H557" s="267"/>
      <c r="I557" s="134" t="s">
        <v>652</v>
      </c>
      <c r="J557" s="105">
        <v>0</v>
      </c>
      <c r="K557" s="118" t="s">
        <v>408</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653</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4</v>
      </c>
      <c r="K563" s="72"/>
      <c r="L563" s="93"/>
      <c r="M563" s="93"/>
      <c r="N563" s="93"/>
      <c r="O563" s="93"/>
      <c r="P563" s="22"/>
      <c r="Q563" s="22"/>
      <c r="R563" s="22"/>
    </row>
    <row r="564" spans="1:51" x14ac:dyDescent="0.15">
      <c r="A564" s="185"/>
      <c r="B564" s="1"/>
      <c r="C564" s="66"/>
      <c r="D564" s="3"/>
      <c r="F564" s="3"/>
      <c r="G564" s="3"/>
      <c r="H564" s="67"/>
      <c r="I564" s="74" t="s">
        <v>67</v>
      </c>
      <c r="J564" s="75"/>
      <c r="K564" s="76"/>
      <c r="L564" s="93"/>
      <c r="M564" s="93"/>
      <c r="N564" s="93"/>
      <c r="O564" s="93"/>
      <c r="P564" s="22"/>
      <c r="Q564" s="22"/>
      <c r="R564" s="22"/>
    </row>
    <row r="565" spans="1:51" s="137" customFormat="1" ht="57" x14ac:dyDescent="0.15">
      <c r="A565" s="185"/>
      <c r="B565" s="144"/>
      <c r="C565" s="259" t="s">
        <v>655</v>
      </c>
      <c r="D565" s="260"/>
      <c r="E565" s="260"/>
      <c r="F565" s="260"/>
      <c r="G565" s="260"/>
      <c r="H565" s="261"/>
      <c r="I565" s="134" t="s">
        <v>656</v>
      </c>
      <c r="J565" s="105">
        <v>0</v>
      </c>
      <c r="K565" s="118" t="s">
        <v>408</v>
      </c>
      <c r="L565" s="93"/>
      <c r="M565" s="93"/>
      <c r="N565" s="93"/>
      <c r="O565" s="93"/>
      <c r="P565" s="22"/>
      <c r="Q565" s="22"/>
      <c r="R565" s="22"/>
    </row>
    <row r="566" spans="1:51" s="137" customFormat="1" ht="57" x14ac:dyDescent="0.15">
      <c r="A566" s="185"/>
      <c r="B566" s="107"/>
      <c r="C566" s="259" t="s">
        <v>658</v>
      </c>
      <c r="D566" s="266"/>
      <c r="E566" s="266"/>
      <c r="F566" s="266"/>
      <c r="G566" s="266"/>
      <c r="H566" s="267"/>
      <c r="I566" s="134" t="s">
        <v>659</v>
      </c>
      <c r="J566" s="105">
        <v>0</v>
      </c>
      <c r="K566" s="118" t="s">
        <v>408</v>
      </c>
      <c r="L566" s="93"/>
      <c r="M566" s="93"/>
      <c r="N566" s="93"/>
      <c r="O566" s="93"/>
      <c r="P566" s="22"/>
      <c r="Q566" s="22"/>
      <c r="R566" s="22"/>
    </row>
    <row r="567" spans="1:51" s="137" customFormat="1" ht="71.25" x14ac:dyDescent="0.15">
      <c r="A567" s="185"/>
      <c r="B567" s="107"/>
      <c r="C567" s="259" t="s">
        <v>732</v>
      </c>
      <c r="D567" s="266"/>
      <c r="E567" s="266"/>
      <c r="F567" s="266"/>
      <c r="G567" s="266"/>
      <c r="H567" s="267"/>
      <c r="I567" s="134" t="s">
        <v>662</v>
      </c>
      <c r="J567" s="105">
        <v>0</v>
      </c>
      <c r="K567" s="118" t="s">
        <v>408</v>
      </c>
      <c r="L567" s="93"/>
      <c r="M567" s="93"/>
      <c r="N567" s="93"/>
      <c r="O567" s="93"/>
      <c r="P567" s="22"/>
      <c r="Q567" s="22"/>
      <c r="R567" s="22"/>
    </row>
    <row r="568" spans="1:51" s="137" customFormat="1" ht="71.25" x14ac:dyDescent="0.15">
      <c r="A568" s="185"/>
      <c r="B568" s="107"/>
      <c r="C568" s="259" t="s">
        <v>733</v>
      </c>
      <c r="D568" s="260"/>
      <c r="E568" s="260"/>
      <c r="F568" s="260"/>
      <c r="G568" s="260"/>
      <c r="H568" s="261"/>
      <c r="I568" s="134" t="s">
        <v>665</v>
      </c>
      <c r="J568" s="105">
        <v>0</v>
      </c>
      <c r="K568" s="118" t="s">
        <v>408</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682</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21:H521"/>
    <mergeCell ref="C522:H522"/>
    <mergeCell ref="C523:H523"/>
    <mergeCell ref="C530:H530"/>
    <mergeCell ref="C531:H531"/>
    <mergeCell ref="C556:H556"/>
    <mergeCell ref="I532:I534"/>
    <mergeCell ref="E533:H533"/>
    <mergeCell ref="E534:F534"/>
    <mergeCell ref="G534:H534"/>
    <mergeCell ref="C542:H542"/>
    <mergeCell ref="C543:H543"/>
    <mergeCell ref="C532:H532"/>
    <mergeCell ref="C544:H544"/>
    <mergeCell ref="C545:H545"/>
    <mergeCell ref="C553:H553"/>
    <mergeCell ref="C554:H554"/>
    <mergeCell ref="C555:H555"/>
    <mergeCell ref="C520:H520"/>
    <mergeCell ref="C509:H509"/>
    <mergeCell ref="E510:H510"/>
    <mergeCell ref="E511:H511"/>
    <mergeCell ref="E512:H512"/>
    <mergeCell ref="E513:H513"/>
    <mergeCell ref="E514:H514"/>
    <mergeCell ref="E515:H515"/>
    <mergeCell ref="E516:H516"/>
    <mergeCell ref="E517:H517"/>
    <mergeCell ref="C518:H518"/>
    <mergeCell ref="C519:H519"/>
    <mergeCell ref="I479:I480"/>
    <mergeCell ref="C480:H480"/>
    <mergeCell ref="C481:H481"/>
    <mergeCell ref="C501:H501"/>
    <mergeCell ref="C483:H483"/>
    <mergeCell ref="C484:H484"/>
    <mergeCell ref="C485:H485"/>
    <mergeCell ref="C486:H486"/>
    <mergeCell ref="C494:H494"/>
    <mergeCell ref="C495:H495"/>
    <mergeCell ref="C496:H496"/>
    <mergeCell ref="C497:H497"/>
    <mergeCell ref="C498:H498"/>
    <mergeCell ref="C499:H499"/>
    <mergeCell ref="C500:H500"/>
    <mergeCell ref="C482:H482"/>
    <mergeCell ref="C465:H465"/>
    <mergeCell ref="C466:H466"/>
    <mergeCell ref="C467:H467"/>
    <mergeCell ref="C468:H468"/>
    <mergeCell ref="C469:H469"/>
    <mergeCell ref="C470:H470"/>
    <mergeCell ref="C471:H471"/>
    <mergeCell ref="C479:H479"/>
    <mergeCell ref="C463:H463"/>
    <mergeCell ref="I463:I464"/>
    <mergeCell ref="E464:H464"/>
    <mergeCell ref="C446:H446"/>
    <mergeCell ref="C447:H447"/>
    <mergeCell ref="C448:H448"/>
    <mergeCell ref="C456:H456"/>
    <mergeCell ref="C457:H457"/>
    <mergeCell ref="C458:H458"/>
    <mergeCell ref="C459:H459"/>
    <mergeCell ref="C460:H460"/>
    <mergeCell ref="C461:H461"/>
    <mergeCell ref="I461:I462"/>
    <mergeCell ref="E462:H462"/>
    <mergeCell ref="C445:H445"/>
    <mergeCell ref="C427:H427"/>
    <mergeCell ref="C428:H428"/>
    <mergeCell ref="C436:H436"/>
    <mergeCell ref="C437:H437"/>
    <mergeCell ref="C438:H438"/>
    <mergeCell ref="C439:H439"/>
    <mergeCell ref="C440:H440"/>
    <mergeCell ref="C441:H441"/>
    <mergeCell ref="C442:H442"/>
    <mergeCell ref="C443:H443"/>
    <mergeCell ref="C444:H444"/>
    <mergeCell ref="I425:I426"/>
    <mergeCell ref="C426:H426"/>
    <mergeCell ref="C403:F403"/>
    <mergeCell ref="C404:H404"/>
    <mergeCell ref="C405:H405"/>
    <mergeCell ref="C410:F410"/>
    <mergeCell ref="C411:H411"/>
    <mergeCell ref="C416:F416"/>
    <mergeCell ref="C417:H417"/>
    <mergeCell ref="C422:F422"/>
    <mergeCell ref="C423:H423"/>
    <mergeCell ref="C424:H424"/>
    <mergeCell ref="C425:H425"/>
    <mergeCell ref="C398:H398"/>
    <mergeCell ref="C381:H381"/>
    <mergeCell ref="C382:H382"/>
    <mergeCell ref="C383:H383"/>
    <mergeCell ref="C390:F390"/>
    <mergeCell ref="C391:H391"/>
    <mergeCell ref="C392:H392"/>
    <mergeCell ref="C393:H393"/>
    <mergeCell ref="C394:H394"/>
    <mergeCell ref="C395:H395"/>
    <mergeCell ref="C396:H396"/>
    <mergeCell ref="C397:H397"/>
    <mergeCell ref="E363:H363"/>
    <mergeCell ref="E364:H364"/>
    <mergeCell ref="E365:H365"/>
    <mergeCell ref="E380:H380"/>
    <mergeCell ref="E367:H367"/>
    <mergeCell ref="C368:H368"/>
    <mergeCell ref="I368:I380"/>
    <mergeCell ref="D369:D380"/>
    <mergeCell ref="E369:H369"/>
    <mergeCell ref="E370:H370"/>
    <mergeCell ref="E371:H371"/>
    <mergeCell ref="E372:H372"/>
    <mergeCell ref="E373:H373"/>
    <mergeCell ref="E374:H374"/>
    <mergeCell ref="E375:H375"/>
    <mergeCell ref="E376:H376"/>
    <mergeCell ref="E377:H377"/>
    <mergeCell ref="E378:H378"/>
    <mergeCell ref="E379:H379"/>
    <mergeCell ref="E296:H296"/>
    <mergeCell ref="E297:H297"/>
    <mergeCell ref="C234:H238"/>
    <mergeCell ref="I234:I238"/>
    <mergeCell ref="C284:C297"/>
    <mergeCell ref="D284:H284"/>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61:H361"/>
    <mergeCell ref="E362:H362"/>
    <mergeCell ref="L346:P346"/>
    <mergeCell ref="L341:P341"/>
    <mergeCell ref="L342:P342"/>
    <mergeCell ref="J50:O50"/>
    <mergeCell ref="J55:L55"/>
    <mergeCell ref="L343:P343"/>
    <mergeCell ref="J51:O51"/>
    <mergeCell ref="J56:L56"/>
    <mergeCell ref="L344:P344"/>
    <mergeCell ref="L246:P246"/>
    <mergeCell ref="L247:P247"/>
    <mergeCell ref="L248:P248"/>
    <mergeCell ref="L243:P243"/>
    <mergeCell ref="L244:P244"/>
    <mergeCell ref="L245:P245"/>
    <mergeCell ref="L345:P345"/>
    <mergeCell ref="J53:O53"/>
    <mergeCell ref="J58:L58"/>
    <mergeCell ref="E287:H287"/>
    <mergeCell ref="E288:H288"/>
    <mergeCell ref="E289:H289"/>
    <mergeCell ref="D290:H290"/>
    <mergeCell ref="D291:D297"/>
    <mergeCell ref="E291:H291"/>
    <mergeCell ref="C270:C283"/>
    <mergeCell ref="D270:H270"/>
    <mergeCell ref="E280:H280"/>
    <mergeCell ref="E281:H281"/>
    <mergeCell ref="E282:H282"/>
    <mergeCell ref="E283:H283"/>
    <mergeCell ref="E273:H273"/>
    <mergeCell ref="E274:H274"/>
    <mergeCell ref="E275:H275"/>
    <mergeCell ref="D276:H276"/>
    <mergeCell ref="D277:D283"/>
    <mergeCell ref="E277:H277"/>
    <mergeCell ref="E278:H278"/>
    <mergeCell ref="E279:H279"/>
    <mergeCell ref="E292:H292"/>
    <mergeCell ref="E293:H293"/>
    <mergeCell ref="E294:H294"/>
    <mergeCell ref="E295:H295"/>
    <mergeCell ref="C305:H305"/>
    <mergeCell ref="I305:I309"/>
    <mergeCell ref="E306:H306"/>
    <mergeCell ref="E307:H307"/>
    <mergeCell ref="E308:H308"/>
    <mergeCell ref="E309:H309"/>
    <mergeCell ref="E335:H335"/>
    <mergeCell ref="E336:H336"/>
    <mergeCell ref="C310:H310"/>
    <mergeCell ref="I310:I314"/>
    <mergeCell ref="E311:H311"/>
    <mergeCell ref="E312:H312"/>
    <mergeCell ref="E313:H313"/>
    <mergeCell ref="E314:H314"/>
    <mergeCell ref="E332:H332"/>
    <mergeCell ref="E333:H333"/>
    <mergeCell ref="C334:H334"/>
    <mergeCell ref="C219:H219"/>
    <mergeCell ref="I219:I225"/>
    <mergeCell ref="C220:H220"/>
    <mergeCell ref="C221:H221"/>
    <mergeCell ref="C222:H222"/>
    <mergeCell ref="C223:H223"/>
    <mergeCell ref="C224:H224"/>
    <mergeCell ref="C225:H225"/>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C195:D198"/>
    <mergeCell ref="E195:F197"/>
    <mergeCell ref="G195:H195"/>
    <mergeCell ref="I195:I198"/>
    <mergeCell ref="G196:H196"/>
    <mergeCell ref="G197:H197"/>
    <mergeCell ref="E198:H198"/>
    <mergeCell ref="E207:H207"/>
    <mergeCell ref="E208:H208"/>
    <mergeCell ref="E205:H205"/>
    <mergeCell ref="E206:H206"/>
    <mergeCell ref="C199:D201"/>
    <mergeCell ref="E199:H199"/>
    <mergeCell ref="I199:I201"/>
    <mergeCell ref="E200:H200"/>
    <mergeCell ref="E201:H201"/>
    <mergeCell ref="C202:D211"/>
    <mergeCell ref="E202:H202"/>
    <mergeCell ref="E203:H203"/>
    <mergeCell ref="I203:I204"/>
    <mergeCell ref="E204:H204"/>
    <mergeCell ref="E209:H209"/>
    <mergeCell ref="E210:H210"/>
    <mergeCell ref="E211:H211"/>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56:F157"/>
    <mergeCell ref="G156:H156"/>
    <mergeCell ref="G157:H157"/>
    <mergeCell ref="C164:F165"/>
    <mergeCell ref="G164:H164"/>
    <mergeCell ref="G165:H165"/>
    <mergeCell ref="C158:F159"/>
    <mergeCell ref="G158:H158"/>
    <mergeCell ref="G159:H159"/>
    <mergeCell ref="C160:F161"/>
    <mergeCell ref="G160:H160"/>
    <mergeCell ref="G161:H161"/>
    <mergeCell ref="C150:F151"/>
    <mergeCell ref="G150:H150"/>
    <mergeCell ref="G151:H151"/>
    <mergeCell ref="C152:F153"/>
    <mergeCell ref="G152:H152"/>
    <mergeCell ref="G153:H153"/>
    <mergeCell ref="C154:F155"/>
    <mergeCell ref="G154:H154"/>
    <mergeCell ref="G155:H155"/>
    <mergeCell ref="C142:F143"/>
    <mergeCell ref="G142:H142"/>
    <mergeCell ref="G143:H143"/>
    <mergeCell ref="G145:H145"/>
    <mergeCell ref="C146:F147"/>
    <mergeCell ref="G146:H146"/>
    <mergeCell ref="G147:H147"/>
    <mergeCell ref="C148:F149"/>
    <mergeCell ref="G148:H148"/>
    <mergeCell ref="G149:H149"/>
    <mergeCell ref="C144:F145"/>
    <mergeCell ref="G144:H144"/>
    <mergeCell ref="C119:H119"/>
    <mergeCell ref="I119:I124"/>
    <mergeCell ref="C120:H120"/>
    <mergeCell ref="C121:H121"/>
    <mergeCell ref="C122:H122"/>
    <mergeCell ref="C123:H123"/>
    <mergeCell ref="C124:H124"/>
    <mergeCell ref="C132:H132"/>
    <mergeCell ref="C140:F141"/>
    <mergeCell ref="G140:H140"/>
    <mergeCell ref="G141:H141"/>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4:D89"/>
    <mergeCell ref="E84:H84"/>
    <mergeCell ref="E85:F85"/>
    <mergeCell ref="G85:H85"/>
    <mergeCell ref="C53:H53"/>
    <mergeCell ref="C59:H59"/>
    <mergeCell ref="C54:H54"/>
    <mergeCell ref="C60:H60"/>
    <mergeCell ref="C55:H55"/>
    <mergeCell ref="C73:H73"/>
    <mergeCell ref="C58:H58"/>
    <mergeCell ref="C81:D83"/>
    <mergeCell ref="E81:H81"/>
    <mergeCell ref="E82:F82"/>
    <mergeCell ref="G82:H82"/>
    <mergeCell ref="E83:H83"/>
    <mergeCell ref="D43:L43"/>
    <mergeCell ref="J52:O52"/>
    <mergeCell ref="J57:L57"/>
    <mergeCell ref="I32:K32"/>
    <mergeCell ref="I33:K33"/>
    <mergeCell ref="I34:K34"/>
    <mergeCell ref="I35:K35"/>
    <mergeCell ref="D39:L39"/>
    <mergeCell ref="D40:L40"/>
    <mergeCell ref="D41:L41"/>
    <mergeCell ref="D42:L42"/>
    <mergeCell ref="C50:H50"/>
    <mergeCell ref="C56:H56"/>
    <mergeCell ref="C51:H51"/>
    <mergeCell ref="C57:H57"/>
    <mergeCell ref="C52:H52"/>
    <mergeCell ref="I25:K25"/>
    <mergeCell ref="I26:K26"/>
    <mergeCell ref="I31:K31"/>
    <mergeCell ref="I24:K24"/>
    <mergeCell ref="B5:F5"/>
    <mergeCell ref="I10:K10"/>
    <mergeCell ref="I11:K11"/>
    <mergeCell ref="I12:K12"/>
    <mergeCell ref="I13:K13"/>
    <mergeCell ref="I14:K14"/>
    <mergeCell ref="I15:K15"/>
    <mergeCell ref="I20:K20"/>
    <mergeCell ref="I21:K21"/>
    <mergeCell ref="I22:K22"/>
    <mergeCell ref="I23:K23"/>
  </mergeCells>
  <phoneticPr fontId="3"/>
  <hyperlinks>
    <hyperlink ref="B5" r:id="rId1"/>
    <hyperlink ref="C50:H50" location="診療所!B69" display="・設置主体"/>
    <hyperlink ref="I50" location="診療所!B254" display="・入院患者の状況（年間）"/>
    <hyperlink ref="J50:O50" location="診療所!B351" display="・手術の状況"/>
    <hyperlink ref="C51:H51" location="診療所!B77" display="・病床の状況"/>
    <hyperlink ref="I51" location="診療所!B266" display="・入院患者の状況（月間／入院前の場所・退院先の場所の状況）"/>
    <hyperlink ref="J51:O51" location="診療所!B387" display="・がん、脳卒中、心筋梗塞、分娩、精神医療への対応状況"/>
    <hyperlink ref="C52:H52" location="診療所!B94" display="・診療科"/>
    <hyperlink ref="I52" location="診療所!B301" display="・退院後に在宅医療を必要とする患者の状況"/>
    <hyperlink ref="J52:O52" location="診療所!B432" display="・重症患者への対応状況"/>
    <hyperlink ref="C53:H53" location="診療所!B105" display="・入院基本料・特定入院料及び届出病床数"/>
    <hyperlink ref="I53" location="診療所!B318" display="・在宅医療を行った患者数"/>
    <hyperlink ref="J53:O53" location="診療所!B452" display="・救急医療の実施状況"/>
    <hyperlink ref="C54:H54" location="診療所!B115" display="・算定する入院基本料の状況"/>
    <hyperlink ref="I54" location="診療所!B327" display="・看取りを行った患者数"/>
    <hyperlink ref="J54:O54" location="診療所!B475" display="・急性期後の支援、在宅復帰の支援の状況"/>
    <hyperlink ref="C55:H55" location="診療所!B128" display="・在宅療養支援診療所の届出状況"/>
    <hyperlink ref="J55:L55" location="診療所!B490" display="・全身管理の状況"/>
    <hyperlink ref="C56:H56" location="診療所!B136" display="・職員数の状況"/>
    <hyperlink ref="J56:L56" location="診療所!B505" display="・リハビリテーションの実施状況"/>
    <hyperlink ref="C57:H57" location="診療所!B171" display="・退院調整部門の設置状況"/>
    <hyperlink ref="J57:L57" location="診療所!B538" display="・長期療養患者の受入状況"/>
    <hyperlink ref="C58:H58" location="診療所!B191" display="・医療機器の台数"/>
    <hyperlink ref="J58:L58" location="診療所!B549" display="・重度の障害児等の受入状況"/>
    <hyperlink ref="C59:H59" location="診療所!B215" display="・有床診療所の病床の役割"/>
    <hyperlink ref="J59:L59" location="診療所!B561" display="・医科歯科の連携状況"/>
    <hyperlink ref="C60:H60" location="診療所!B230" display="・過去1年間の間に病棟の再編・見直しがあった場合の報告対象期間"/>
    <hyperlink ref="I241" location="診療所!A1" display="TOPへ戻る"/>
    <hyperlink ref="I339" location="診療所!A1" display="TOPへ戻る"/>
    <hyperlink ref="I571" location="診療所!A1" display="TOPへ戻る"/>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headerFooter>
    <oddFooter>&amp;C&amp;14&amp;P</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309273EFA8D1824190BB24A9980BA6AD" ma:contentTypeVersion="10" ma:contentTypeDescription="新しいドキュメントを作成します。" ma:contentTypeScope="" ma:versionID="7a6a6952697f35ebdb232fceb965c455">
  <xsd:schema xmlns:xsd="http://www.w3.org/2001/XMLSchema" xmlns:xs="http://www.w3.org/2001/XMLSchema" xmlns:p="http://schemas.microsoft.com/office/2006/metadata/properties" xmlns:ns2="9c4ae536-7125-4f14-9ccc-e0dffeb2e242" xmlns:ns3="348a74ec-7721-4626-bbbb-9bdbe7b7f3e5" targetNamespace="http://schemas.microsoft.com/office/2006/metadata/properties" ma:root="true" ma:fieldsID="e2210dea06c0140b62ed98829bb31f33" ns2:_="" ns3:_="">
    <xsd:import namespace="9c4ae536-7125-4f14-9ccc-e0dffeb2e242"/>
    <xsd:import namespace="348a74ec-7721-4626-bbbb-9bdbe7b7f3e5"/>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Location"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c4ae536-7125-4f14-9ccc-e0dffeb2e24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48a74ec-7721-4626-bbbb-9bdbe7b7f3e5" elementFormDefault="qualified">
    <xsd:import namespace="http://schemas.microsoft.com/office/2006/documentManagement/types"/>
    <xsd:import namespace="http://schemas.microsoft.com/office/infopath/2007/PartnerControls"/>
    <xsd:element name="SharedWithUsers" ma:index="16"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9E04C8C-98E7-4336-9237-907122DC4AEF}">
  <ds:schemaRefs>
    <ds:schemaRef ds:uri="http://schemas.microsoft.com/sharepoint/v3/contenttype/forms"/>
  </ds:schemaRefs>
</ds:datastoreItem>
</file>

<file path=customXml/itemProps2.xml><?xml version="1.0" encoding="utf-8"?>
<ds:datastoreItem xmlns:ds="http://schemas.openxmlformats.org/officeDocument/2006/customXml" ds:itemID="{46ADC82C-60FB-46DA-A657-D1B0501E5785}">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904D8F8E-69C9-4C9C-AC04-3654965F66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c4ae536-7125-4f14-9ccc-e0dffeb2e242"/>
    <ds:schemaRef ds:uri="348a74ec-7721-4626-bbbb-9bdbe7b7f3e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布野　紗知子</dc:creator>
  <cp:lastModifiedBy>Windows ユーザー</cp:lastModifiedBy>
  <cp:lastPrinted>2022-05-09T00:18:32Z</cp:lastPrinted>
  <dcterms:created xsi:type="dcterms:W3CDTF">2022-04-25T16:09:13Z</dcterms:created>
  <dcterms:modified xsi:type="dcterms:W3CDTF">2022-06-30T02:09: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09273EFA8D1824190BB24A9980BA6AD</vt:lpwstr>
  </property>
</Properties>
</file>